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F3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23" d="100"/>
          <a:sy n="123" d="100"/>
        </p:scale>
        <p:origin x="114" y="2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C775B6-15A8-5A33-B7F7-C1F458D632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20E71BD-65B2-A30E-AA55-B6409C0D7EE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5A566C7-C96C-AB2F-E330-733DAEDD17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A659D45-2E9B-22EF-224B-35BC3886F2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9F4DC5-36D1-1504-D840-9F72F80FCC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15388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769AA7-FF94-BA59-54D0-964EB1CF00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23307BD-B2D7-6363-EAC6-16D26A29C0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7F89FA2-7680-2EAB-DA8F-3EF6631BBD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554F3B-EE89-E585-CEAC-71B407F7F0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406F3E-BA74-8ACC-1AC3-E7F66808A2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68396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FAD8FD2-247A-4396-F261-7E8320A45B7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AB0B503-3847-CCC5-E548-EEF6121DC1A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DF1C12-70A2-567D-DD6E-B3F30B9C28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2E49D1-0968-9714-0001-B4B942BA34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ECDEC8-1B69-40F0-67EA-DA8B35BBEB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67191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D6595C-77F2-C8AA-7D27-9831B8CF90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0917B49-B7BA-A902-AC02-00E39584F2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89DA2E-AC87-0EAF-039C-E18CA85171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B9F5370-34D7-32AC-61C0-9A4A0080C4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844463-DC5C-5E16-73C9-415ACDD9A4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64032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4ED1D2-C048-2E7D-A1D9-48554B2B0B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B2B67BF-2467-5116-EA6B-FAD48284AD8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1E702F-2AA8-F46E-9F4B-935C6B7D1F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4AADB6-F330-BFA1-3D73-6098A1720D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D4333C7-8A2B-131C-BA96-C96D08C109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85084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3D43FB-1DFC-7512-AC21-9F0DA22786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FB1EAE8-9F17-BDFE-93B9-FF640360C1F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F0FEF20-E819-E951-C5FD-C7997BA7B56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13806EA-0AFA-D36A-A23B-2D4D808A0A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D454B6B-60D4-9393-D3D6-44A7DBFAB0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FACAF3D-0143-4463-DC6C-D8005C7A9D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48316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3B37D1-B908-8DB2-CA22-4F366E3C92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AB0A35-051A-0978-1588-6575FD8A0E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457042A-BA86-814F-CFD5-537708642F6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E72D66E-E5B5-1A5F-52BB-5ED2EA1D9E9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DA3F819-2500-99FC-C076-ED925E3A29D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1B6B54F-D67B-1F67-B758-200C9F8BDE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26E9580-47F1-DDAB-2E5A-28B1BA6281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C97614C-393C-F8E5-EE46-2ADECABD80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64038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FFB1BB-8F68-7066-7FDF-485A7CAF15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F67E991-7A3D-0B71-8DEE-3A17F36DED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B88F6E4-49BB-E0F7-AB4A-AEDC3041DB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230C44E-597C-E8C1-9AB1-C263B453C0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79701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1E98584-81E6-53DF-6F0F-86C95CD1D0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F096A8B-0DAA-6B19-AD51-A9F516B7A5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F2101B2-1785-513F-CC31-8A40C3D97C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540691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8549B5-1D1D-6D43-4492-BFA847E250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9299AE7-904F-35E0-30C6-437085238C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FD9060E-4D2A-16B8-0E25-EB451F2E7B1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5ABA2AF-8E89-6C3D-DD32-9222FB9DDD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155C00E-C559-FAF9-38C4-93FD6D9D34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F1E626A-0E04-B3D8-BCC7-82C6654E1A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03656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5E6F23-5DBD-37C7-F78E-18602ED5E0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FC9EAAE-E4F9-22C2-1A40-A9E6BCD4ABA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EFBFA89-A0A4-C092-3842-ED473A535A1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A6065AD-D749-6A6B-179E-E96EA5CD0C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40A74A0-3695-5CDD-39B8-F07C655469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E5D2BED-9B84-F569-8A45-4FAC2B97B2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40002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15551DC-AE62-84EC-76BC-3365EFE44F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6E4B194-6CAC-2222-75B2-144DB633DEE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2D428A-D844-0D5B-1AEC-1F3E78C8FA4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64B918-8CBE-4179-A4A5-BE4A783273D8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0F7A9A6-0183-FF2D-B90A-63CF3BC3244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1C11365-6560-F0AE-29DA-C65B4A6CCC6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66F1CB6-6D05-4105-82F1-324DC31863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2321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8" name="OTLSHAPE_SL_f89a954483af4a158a8a3748e3a40f59_BackgroundRectangle">
            <a:extLst>
              <a:ext uri="{FF2B5EF4-FFF2-40B4-BE49-F238E27FC236}">
                <a16:creationId xmlns:a16="http://schemas.microsoft.com/office/drawing/2014/main" id="{D7B49D36-0860-CE9F-A82D-AD381D44DD4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974598"/>
            <a:ext cx="11201400" cy="2030222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_591fe5329aad46a1ac813e3b2703183b_BackgroundRectangle">
            <a:extLst>
              <a:ext uri="{FF2B5EF4-FFF2-40B4-BE49-F238E27FC236}">
                <a16:creationId xmlns:a16="http://schemas.microsoft.com/office/drawing/2014/main" id="{4DF75150-5908-0710-3924-99BFF490361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068320"/>
            <a:ext cx="11201400" cy="909574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SL_7a501936b28f40a39d5ab40eff00babc_BackgroundRectangle">
            <a:extLst>
              <a:ext uri="{FF2B5EF4-FFF2-40B4-BE49-F238E27FC236}">
                <a16:creationId xmlns:a16="http://schemas.microsoft.com/office/drawing/2014/main" id="{A02C73A2-851A-BE94-5265-8B51712A449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41394"/>
            <a:ext cx="11201400" cy="1323848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SL_528ead4c438c485891ec3c195cb0a1f5_BackgroundRectangle">
            <a:extLst>
              <a:ext uri="{FF2B5EF4-FFF2-40B4-BE49-F238E27FC236}">
                <a16:creationId xmlns:a16="http://schemas.microsoft.com/office/drawing/2014/main" id="{BF4D618D-7829-1D2C-7D43-FC3BEAAA700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428742"/>
            <a:ext cx="11201400" cy="1150874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TB_00000000000000000000000000000000_ScaleContainer">
            <a:extLst>
              <a:ext uri="{FF2B5EF4-FFF2-40B4-BE49-F238E27FC236}">
                <a16:creationId xmlns:a16="http://schemas.microsoft.com/office/drawing/2014/main" id="{F18E6E03-6884-CCB4-20BC-220D1EB264C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491975" y="387350"/>
            <a:ext cx="9779000" cy="182880"/>
          </a:xfrm>
          <a:prstGeom prst="round2Same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TB_00000000000000000000000000000000_MiddleScaleContainer">
            <a:extLst>
              <a:ext uri="{FF2B5EF4-FFF2-40B4-BE49-F238E27FC236}">
                <a16:creationId xmlns:a16="http://schemas.microsoft.com/office/drawing/2014/main" id="{60F7E39D-598D-E0D4-F61C-9F42E157682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491975" y="579374"/>
            <a:ext cx="9779000" cy="18288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_f89a954483af4a158a8a3748e3a40f59_HeaderRectangle">
            <a:extLst>
              <a:ext uri="{FF2B5EF4-FFF2-40B4-BE49-F238E27FC236}">
                <a16:creationId xmlns:a16="http://schemas.microsoft.com/office/drawing/2014/main" id="{0A2A09A3-2C37-1173-8EEF-5D735E80010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974598"/>
            <a:ext cx="1308100" cy="2030222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SL_591fe5329aad46a1ac813e3b2703183b_HeaderRectangle">
            <a:extLst>
              <a:ext uri="{FF2B5EF4-FFF2-40B4-BE49-F238E27FC236}">
                <a16:creationId xmlns:a16="http://schemas.microsoft.com/office/drawing/2014/main" id="{50BE5CC4-B644-67BF-254D-F5206EA24BA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068320"/>
            <a:ext cx="1308100" cy="9095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5" name="OTLSHAPE_SL_7a501936b28f40a39d5ab40eff00babc_HeaderRectangle">
            <a:extLst>
              <a:ext uri="{FF2B5EF4-FFF2-40B4-BE49-F238E27FC236}">
                <a16:creationId xmlns:a16="http://schemas.microsoft.com/office/drawing/2014/main" id="{7AB4D30A-BFAD-90DF-4989-B1FBBF8FC9C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041394"/>
            <a:ext cx="1308100" cy="1323848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SL_528ead4c438c485891ec3c195cb0a1f5_HeaderRectangle">
            <a:extLst>
              <a:ext uri="{FF2B5EF4-FFF2-40B4-BE49-F238E27FC236}">
                <a16:creationId xmlns:a16="http://schemas.microsoft.com/office/drawing/2014/main" id="{06E6ED4B-F95E-3174-D2A6-99CD96DD1DD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428742"/>
            <a:ext cx="1308100" cy="11508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T_f1fe55f7c1e3424f8b85897555722af7_Shape">
            <a:extLst>
              <a:ext uri="{FF2B5EF4-FFF2-40B4-BE49-F238E27FC236}">
                <a16:creationId xmlns:a16="http://schemas.microsoft.com/office/drawing/2014/main" id="{0F8E0F77-78CB-D751-ED05-68082482C60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491975" y="1167723"/>
            <a:ext cx="10795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0" name="OTLSHAPE_SLT_5f6049fe6f7c49848e2ac8675ca6b3ba_Shape">
            <a:extLst>
              <a:ext uri="{FF2B5EF4-FFF2-40B4-BE49-F238E27FC236}">
                <a16:creationId xmlns:a16="http://schemas.microsoft.com/office/drawing/2014/main" id="{A6B2A323-8E59-F331-68C5-33E3418A691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565234" y="1541272"/>
            <a:ext cx="5461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973637f0e86b4822b0036f5cbd2cd397_Shape">
            <a:extLst>
              <a:ext uri="{FF2B5EF4-FFF2-40B4-BE49-F238E27FC236}">
                <a16:creationId xmlns:a16="http://schemas.microsoft.com/office/drawing/2014/main" id="{C951C660-1E61-8FD9-2911-B5115809A31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101864" y="1771184"/>
            <a:ext cx="48387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SLT_778bb8f0dfb44db48c6fd54a2840800e_Shape">
            <a:extLst>
              <a:ext uri="{FF2B5EF4-FFF2-40B4-BE49-F238E27FC236}">
                <a16:creationId xmlns:a16="http://schemas.microsoft.com/office/drawing/2014/main" id="{912949C8-2C15-DE94-3AD4-9F04B88C8F0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101864" y="2001097"/>
            <a:ext cx="11811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T_64dec16daa484393bfec58f5abeae47c_Shape">
            <a:extLst>
              <a:ext uri="{FF2B5EF4-FFF2-40B4-BE49-F238E27FC236}">
                <a16:creationId xmlns:a16="http://schemas.microsoft.com/office/drawing/2014/main" id="{85853793-7AD9-C00D-04DA-B12AF43A6DF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491975" y="2374646"/>
            <a:ext cx="15113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SLT_140780e879cb49fd968421efb5e2a6bc_Shape">
            <a:extLst>
              <a:ext uri="{FF2B5EF4-FFF2-40B4-BE49-F238E27FC236}">
                <a16:creationId xmlns:a16="http://schemas.microsoft.com/office/drawing/2014/main" id="{469E98BA-4D56-E873-3C68-FBEE719148E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994538" y="2593171"/>
            <a:ext cx="15113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" name="OTLSHAPE_SLT_ce03d953ffe141dba3c1b18e43794a77_Shape">
            <a:extLst>
              <a:ext uri="{FF2B5EF4-FFF2-40B4-BE49-F238E27FC236}">
                <a16:creationId xmlns:a16="http://schemas.microsoft.com/office/drawing/2014/main" id="{F9228413-B8BE-DBBD-2E7D-C2B16EEC8D7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497101" y="2811695"/>
            <a:ext cx="20447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SLT_a22cb15350c54b468516d7fa744655a7_Shape">
            <a:extLst>
              <a:ext uri="{FF2B5EF4-FFF2-40B4-BE49-F238E27FC236}">
                <a16:creationId xmlns:a16="http://schemas.microsoft.com/office/drawing/2014/main" id="{FECF5303-B3BF-674C-D183-944C3BE360E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101864" y="3106420"/>
            <a:ext cx="10795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SLT_a7d1e65d34f246e38db9ae54d283ef98_Shape">
            <a:extLst>
              <a:ext uri="{FF2B5EF4-FFF2-40B4-BE49-F238E27FC236}">
                <a16:creationId xmlns:a16="http://schemas.microsoft.com/office/drawing/2014/main" id="{D31BEBE8-4EBF-B9EB-303B-B5A14AADB30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931531" y="3336332"/>
            <a:ext cx="3302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T_3472cede387b47d899b781c02bb4b105_Shape">
            <a:extLst>
              <a:ext uri="{FF2B5EF4-FFF2-40B4-BE49-F238E27FC236}">
                <a16:creationId xmlns:a16="http://schemas.microsoft.com/office/drawing/2014/main" id="{824F6087-03BA-7A93-88FF-014A9790573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931531" y="3566245"/>
            <a:ext cx="9779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5" name="OTLSHAPE_SLT_b5576704f10c4803a1dcefcf31367d31_Shape">
            <a:extLst>
              <a:ext uri="{FF2B5EF4-FFF2-40B4-BE49-F238E27FC236}">
                <a16:creationId xmlns:a16="http://schemas.microsoft.com/office/drawing/2014/main" id="{A4FEF989-8354-0AE6-3E3F-6257F21F36A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101864" y="3784769"/>
            <a:ext cx="9779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" name="OTLSHAPE_SLT_83c63a68fbf04d3ea66d191c9d73f943_Shape">
            <a:extLst>
              <a:ext uri="{FF2B5EF4-FFF2-40B4-BE49-F238E27FC236}">
                <a16:creationId xmlns:a16="http://schemas.microsoft.com/office/drawing/2014/main" id="{AB94D4BF-D83A-2F07-CD7B-79F36A3CF51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497101" y="4079494"/>
            <a:ext cx="3302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" name="OTLSHAPE_SLT_991f56ddc9f54c4b89aa672d7174d8b1_Shape">
            <a:extLst>
              <a:ext uri="{FF2B5EF4-FFF2-40B4-BE49-F238E27FC236}">
                <a16:creationId xmlns:a16="http://schemas.microsoft.com/office/drawing/2014/main" id="{85FE5663-6B5E-6EB6-164D-3E6B33EE1FE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497101" y="4298019"/>
            <a:ext cx="6477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" name="OTLSHAPE_SLT_d1bcd3c02d9c4898870d7bad5b9dd752_Shape">
            <a:extLst>
              <a:ext uri="{FF2B5EF4-FFF2-40B4-BE49-F238E27FC236}">
                <a16:creationId xmlns:a16="http://schemas.microsoft.com/office/drawing/2014/main" id="{ADED5E82-9B87-35C6-80B2-D71E2B9B664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141057" y="4516543"/>
            <a:ext cx="977900" cy="155025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" name="OTLSHAPE_SLT_5f7766275faa4a939eeda458240ad18d_Shape">
            <a:extLst>
              <a:ext uri="{FF2B5EF4-FFF2-40B4-BE49-F238E27FC236}">
                <a16:creationId xmlns:a16="http://schemas.microsoft.com/office/drawing/2014/main" id="{308C1C15-83AC-8CCE-ABCC-CC4C3183C9A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141057" y="4735068"/>
            <a:ext cx="330200" cy="155025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SLT_8091532be0d24af2b1cd75e79680dc68_Shape">
            <a:extLst>
              <a:ext uri="{FF2B5EF4-FFF2-40B4-BE49-F238E27FC236}">
                <a16:creationId xmlns:a16="http://schemas.microsoft.com/office/drawing/2014/main" id="{441E1077-0AEA-15A3-6F44-9EA838B1DF4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897465" y="4953593"/>
            <a:ext cx="2159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6" name="OTLSHAPE_SLT_75f2fa9717734634b398850e38914b4f_Shape">
            <a:extLst>
              <a:ext uri="{FF2B5EF4-FFF2-40B4-BE49-F238E27FC236}">
                <a16:creationId xmlns:a16="http://schemas.microsoft.com/office/drawing/2014/main" id="{A82C05F9-7DF2-8A64-EABB-EEBBF6D0E12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253509" y="5172117"/>
            <a:ext cx="4318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" name="OTLSHAPE_SLT_79fddb571d94467eb88aaac5459a02c9_Shape">
            <a:extLst>
              <a:ext uri="{FF2B5EF4-FFF2-40B4-BE49-F238E27FC236}">
                <a16:creationId xmlns:a16="http://schemas.microsoft.com/office/drawing/2014/main" id="{42998F28-CA13-222E-025D-6ABC25CDDF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248383" y="5708142"/>
            <a:ext cx="7620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5" name="OTLSHAPE_SLT_30988dbdc08e4fe18f1fea3c5dc511bb_Shape">
            <a:extLst>
              <a:ext uri="{FF2B5EF4-FFF2-40B4-BE49-F238E27FC236}">
                <a16:creationId xmlns:a16="http://schemas.microsoft.com/office/drawing/2014/main" id="{4851F269-D2AB-FF3C-A027-D634FAD1928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004791" y="6145191"/>
            <a:ext cx="2159000" cy="15502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3" name="OTLSHAPE_SLT_f2ee045b63c94057bf35bae6f2e88107_Shape">
            <a:extLst>
              <a:ext uri="{FF2B5EF4-FFF2-40B4-BE49-F238E27FC236}">
                <a16:creationId xmlns:a16="http://schemas.microsoft.com/office/drawing/2014/main" id="{F1448D9E-A970-13E0-0F85-4AE4999C6B8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004791" y="5926667"/>
            <a:ext cx="1181100" cy="155025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" name="OTLSHAPE_SLT_a02109fe11b24ad8ac135ced8c9379a0_Shape">
            <a:extLst>
              <a:ext uri="{FF2B5EF4-FFF2-40B4-BE49-F238E27FC236}">
                <a16:creationId xmlns:a16="http://schemas.microsoft.com/office/drawing/2014/main" id="{F68D949E-3C46-1AEA-E3A9-00E7EB03023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106990" y="4516543"/>
            <a:ext cx="4089400" cy="155025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b40b350d7d3847d1a7e75e999edaf107_Shape">
            <a:extLst>
              <a:ext uri="{FF2B5EF4-FFF2-40B4-BE49-F238E27FC236}">
                <a16:creationId xmlns:a16="http://schemas.microsoft.com/office/drawing/2014/main" id="{8B003260-1A57-E095-02ED-7C6E49BF944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463035" y="4735068"/>
            <a:ext cx="3543300" cy="155025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369f0cc8bbe64b798b48cadbc717ba2f_Shape">
            <a:extLst>
              <a:ext uri="{FF2B5EF4-FFF2-40B4-BE49-F238E27FC236}">
                <a16:creationId xmlns:a16="http://schemas.microsoft.com/office/drawing/2014/main" id="{A9067233-22BD-80AB-E27C-5A18F4D7E56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078051" y="5926667"/>
            <a:ext cx="1079500" cy="155025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" name="OTLSHAPE_SLM_c88f000159ae4ef0b51d43f1da61fbf7_Shape">
            <a:extLst>
              <a:ext uri="{FF2B5EF4-FFF2-40B4-BE49-F238E27FC236}">
                <a16:creationId xmlns:a16="http://schemas.microsoft.com/office/drawing/2014/main" id="{7313C5B3-88E0-7651-F280-A49F2C6CCD6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1075110" y="6363716"/>
            <a:ext cx="152400" cy="1778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M_a16a4d81f9fa4ffaa72f2638df7cadc1_Shape">
            <a:extLst>
              <a:ext uri="{FF2B5EF4-FFF2-40B4-BE49-F238E27FC236}">
                <a16:creationId xmlns:a16="http://schemas.microsoft.com/office/drawing/2014/main" id="{026606F0-7D87-40F2-6894-DB1EF500395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523026" y="1759797"/>
            <a:ext cx="152400" cy="1778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" name="OTLSHAPE_SLM_d86e5548508b4dbcbf87fb0b7020957c_Shape">
            <a:extLst>
              <a:ext uri="{FF2B5EF4-FFF2-40B4-BE49-F238E27FC236}">
                <a16:creationId xmlns:a16="http://schemas.microsoft.com/office/drawing/2014/main" id="{AD226609-BE78-F458-4CBC-F9E7265F337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523026" y="3324945"/>
            <a:ext cx="152400" cy="1778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SLM_3eebf2b1a41b492b80f3b4a4ec6e999c_Shape">
            <a:extLst>
              <a:ext uri="{FF2B5EF4-FFF2-40B4-BE49-F238E27FC236}">
                <a16:creationId xmlns:a16="http://schemas.microsoft.com/office/drawing/2014/main" id="{DD1FCB2B-E0EE-10F0-A566-75311D80108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523026" y="5466842"/>
            <a:ext cx="152400" cy="1778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_f89a954483af4a158a8a3748e3a40f59_Header">
            <a:extLst>
              <a:ext uri="{FF2B5EF4-FFF2-40B4-BE49-F238E27FC236}">
                <a16:creationId xmlns:a16="http://schemas.microsoft.com/office/drawing/2014/main" id="{033D3083-732A-C6AD-73A3-4249C3E3632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1710626"/>
            <a:ext cx="1308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ROJECT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CONCEPTION &amp; INITIATION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SL_591fe5329aad46a1ac813e3b2703183b_Header">
            <a:extLst>
              <a:ext uri="{FF2B5EF4-FFF2-40B4-BE49-F238E27FC236}">
                <a16:creationId xmlns:a16="http://schemas.microsoft.com/office/drawing/2014/main" id="{275473F0-C43C-FDAB-7FEE-DDDF3B6D7C90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3244024"/>
            <a:ext cx="1308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ROJECT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DEFINITION &amp; PLANNING</a:t>
            </a:r>
          </a:p>
        </p:txBody>
      </p:sp>
      <p:sp>
        <p:nvSpPr>
          <p:cNvPr id="246" name="OTLSHAPE_SL_7a501936b28f40a39d5ab40eff00babc_Header">
            <a:extLst>
              <a:ext uri="{FF2B5EF4-FFF2-40B4-BE49-F238E27FC236}">
                <a16:creationId xmlns:a16="http://schemas.microsoft.com/office/drawing/2014/main" id="{FE4133C2-66A7-815F-4A94-BE052CB05DE5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4424235"/>
            <a:ext cx="1308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ROJECT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LAUNCH &amp;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EXECUTION</a:t>
            </a:r>
          </a:p>
        </p:txBody>
      </p:sp>
      <p:sp>
        <p:nvSpPr>
          <p:cNvPr id="249" name="OTLSHAPE_SL_528ead4c438c485891ec3c195cb0a1f5_Header">
            <a:extLst>
              <a:ext uri="{FF2B5EF4-FFF2-40B4-BE49-F238E27FC236}">
                <a16:creationId xmlns:a16="http://schemas.microsoft.com/office/drawing/2014/main" id="{B88711B1-A94A-1F2F-C26D-8815CD05D36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5725097"/>
            <a:ext cx="13081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ROJECT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ERFORMANCE / MONITORING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7BE9820-FA54-8FF9-A590-4DA8BADB6C0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555475" y="401278"/>
            <a:ext cx="2921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8B12AE1-8E33-7189-3222-409947CBD11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950712" y="40127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4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ED107086-F017-C7F0-7B87-F62954248EF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345949" y="40127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27</a:t>
            </a:r>
          </a:p>
        </p:txBody>
      </p:sp>
      <p:sp>
        <p:nvSpPr>
          <p:cNvPr id="204" name="OTLSHAPE_TB_00000000000000000000000000000000_TimescaleInterval4">
            <a:extLst>
              <a:ext uri="{FF2B5EF4-FFF2-40B4-BE49-F238E27FC236}">
                <a16:creationId xmlns:a16="http://schemas.microsoft.com/office/drawing/2014/main" id="{71F5E32D-CD6D-A427-B6CF-39C542474D3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741187" y="40127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40</a:t>
            </a:r>
          </a:p>
        </p:txBody>
      </p:sp>
      <p:sp>
        <p:nvSpPr>
          <p:cNvPr id="206" name="OTLSHAPE_TB_00000000000000000000000000000000_TimescaleInterval5">
            <a:extLst>
              <a:ext uri="{FF2B5EF4-FFF2-40B4-BE49-F238E27FC236}">
                <a16:creationId xmlns:a16="http://schemas.microsoft.com/office/drawing/2014/main" id="{7A867723-F0B7-09E4-8DB0-3D4C5FF22FE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136424" y="40127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53</a:t>
            </a:r>
          </a:p>
        </p:txBody>
      </p:sp>
      <p:sp>
        <p:nvSpPr>
          <p:cNvPr id="208" name="OTLSHAPE_TB_00000000000000000000000000000000_TimescaleInterval6">
            <a:extLst>
              <a:ext uri="{FF2B5EF4-FFF2-40B4-BE49-F238E27FC236}">
                <a16:creationId xmlns:a16="http://schemas.microsoft.com/office/drawing/2014/main" id="{D7497940-750A-6E5E-8D1A-F55A6449394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531661" y="40127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66</a:t>
            </a:r>
          </a:p>
        </p:txBody>
      </p:sp>
      <p:sp>
        <p:nvSpPr>
          <p:cNvPr id="210" name="OTLSHAPE_TB_00000000000000000000000000000000_TimescaleInterval7">
            <a:extLst>
              <a:ext uri="{FF2B5EF4-FFF2-40B4-BE49-F238E27FC236}">
                <a16:creationId xmlns:a16="http://schemas.microsoft.com/office/drawing/2014/main" id="{4A7C19A0-6E05-3559-4B5A-DF02EF07123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926899" y="40127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79</a:t>
            </a:r>
          </a:p>
        </p:txBody>
      </p:sp>
      <p:sp>
        <p:nvSpPr>
          <p:cNvPr id="217" name="OTLSHAPE_TB_00000000000000000000000000000000_MiddleTimescaleInterval1">
            <a:extLst>
              <a:ext uri="{FF2B5EF4-FFF2-40B4-BE49-F238E27FC236}">
                <a16:creationId xmlns:a16="http://schemas.microsoft.com/office/drawing/2014/main" id="{6DC50DBC-58A0-C306-207B-A555B9B45F5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555475" y="593302"/>
            <a:ext cx="394339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219" name="OTLSHAPE_TB_00000000000000000000000000000000_MiddleTimescaleInterval2">
            <a:extLst>
              <a:ext uri="{FF2B5EF4-FFF2-40B4-BE49-F238E27FC236}">
                <a16:creationId xmlns:a16="http://schemas.microsoft.com/office/drawing/2014/main" id="{628EC33B-13E7-E9D0-1D36-99AFCCBDA2C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521408" y="59330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221" name="OTLSHAPE_TB_00000000000000000000000000000000_MiddleTimescaleInterval3">
            <a:extLst>
              <a:ext uri="{FF2B5EF4-FFF2-40B4-BE49-F238E27FC236}">
                <a16:creationId xmlns:a16="http://schemas.microsoft.com/office/drawing/2014/main" id="{8B5D3D07-9B31-84BB-9935-5D4234468DF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023971" y="59330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223" name="OTLSHAPE_TB_00000000000000000000000000000000_MiddleTimescaleInterval4">
            <a:extLst>
              <a:ext uri="{FF2B5EF4-FFF2-40B4-BE49-F238E27FC236}">
                <a16:creationId xmlns:a16="http://schemas.microsoft.com/office/drawing/2014/main" id="{579843D7-26B2-ADC6-4002-9ADC575611D8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526535" y="59330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225" name="OTLSHAPE_TB_00000000000000000000000000000000_MiddleTimescaleInterval5">
            <a:extLst>
              <a:ext uri="{FF2B5EF4-FFF2-40B4-BE49-F238E27FC236}">
                <a16:creationId xmlns:a16="http://schemas.microsoft.com/office/drawing/2014/main" id="{5995ACFA-051D-B1D1-517C-0A41D94A36C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029098" y="59330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227" name="OTLSHAPE_TB_00000000000000000000000000000000_MiddleTimescaleInterval6">
            <a:extLst>
              <a:ext uri="{FF2B5EF4-FFF2-40B4-BE49-F238E27FC236}">
                <a16:creationId xmlns:a16="http://schemas.microsoft.com/office/drawing/2014/main" id="{CCB3360E-AC9C-DA51-48A0-CD7D9284073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531661" y="59330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29" name="OTLSHAPE_TB_00000000000000000000000000000000_MiddleTimescaleInterval7">
            <a:extLst>
              <a:ext uri="{FF2B5EF4-FFF2-40B4-BE49-F238E27FC236}">
                <a16:creationId xmlns:a16="http://schemas.microsoft.com/office/drawing/2014/main" id="{0704D819-D7B8-704F-A2A5-E02FF2CCF2B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034225" y="59330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264" name="OTLSHAPE_SLT_f1fe55f7c1e3424f8b85897555722af7_Duration">
            <a:extLst>
              <a:ext uri="{FF2B5EF4-FFF2-40B4-BE49-F238E27FC236}">
                <a16:creationId xmlns:a16="http://schemas.microsoft.com/office/drawing/2014/main" id="{5DE64D03-71F4-E721-EA7B-62E342F109D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916468" y="116772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 d</a:t>
            </a:r>
          </a:p>
        </p:txBody>
      </p:sp>
      <p:sp>
        <p:nvSpPr>
          <p:cNvPr id="268" name="OTLSHAPE_SLT_f1fe55f7c1e3424f8b85897555722af7_Title">
            <a:extLst>
              <a:ext uri="{FF2B5EF4-FFF2-40B4-BE49-F238E27FC236}">
                <a16:creationId xmlns:a16="http://schemas.microsoft.com/office/drawing/2014/main" id="{D5276B9C-8133-97A1-EA25-BAC94CEE56A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491975" y="101269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2" dirty="0">
                <a:solidFill>
                  <a:srgbClr val="B20E12"/>
                </a:solidFill>
                <a:latin typeface="Calibri" panose="020F0502020204030204" pitchFamily="34" charset="0"/>
              </a:rPr>
              <a:t>Project charter</a:t>
            </a:r>
          </a:p>
        </p:txBody>
      </p:sp>
      <p:sp>
        <p:nvSpPr>
          <p:cNvPr id="272" name="OTLSHAPE_SLT_5f6049fe6f7c49848e2ac8675ca6b3ba_Duration">
            <a:extLst>
              <a:ext uri="{FF2B5EF4-FFF2-40B4-BE49-F238E27FC236}">
                <a16:creationId xmlns:a16="http://schemas.microsoft.com/office/drawing/2014/main" id="{D1717CAB-ADF3-CD22-39DE-EACD24F9F56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753608" y="154127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5 d</a:t>
            </a:r>
          </a:p>
        </p:txBody>
      </p:sp>
      <p:sp>
        <p:nvSpPr>
          <p:cNvPr id="276" name="OTLSHAPE_SLT_5f6049fe6f7c49848e2ac8675ca6b3ba_Title">
            <a:extLst>
              <a:ext uri="{FF2B5EF4-FFF2-40B4-BE49-F238E27FC236}">
                <a16:creationId xmlns:a16="http://schemas.microsoft.com/office/drawing/2014/main" id="{39B66E63-3CF4-7E4D-82EE-E4DC5E5ED8B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565234" y="1386247"/>
            <a:ext cx="1282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2" dirty="0">
                <a:solidFill>
                  <a:srgbClr val="B20E12"/>
                </a:solidFill>
                <a:latin typeface="Calibri" panose="020F0502020204030204" pitchFamily="34" charset="0"/>
              </a:rPr>
              <a:t>Project charter revisions</a:t>
            </a:r>
          </a:p>
        </p:txBody>
      </p:sp>
      <p:sp>
        <p:nvSpPr>
          <p:cNvPr id="280" name="OTLSHAPE_SLT_973637f0e86b4822b0036f5cbd2cd397_Duration">
            <a:extLst>
              <a:ext uri="{FF2B5EF4-FFF2-40B4-BE49-F238E27FC236}">
                <a16:creationId xmlns:a16="http://schemas.microsoft.com/office/drawing/2014/main" id="{C0F3FF02-123F-339E-C55C-E9EF69CC2E9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404562" y="177118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45 d</a:t>
            </a:r>
          </a:p>
        </p:txBody>
      </p:sp>
      <p:sp>
        <p:nvSpPr>
          <p:cNvPr id="284" name="OTLSHAPE_SLT_973637f0e86b4822b0036f5cbd2cd397_Title">
            <a:extLst>
              <a:ext uri="{FF2B5EF4-FFF2-40B4-BE49-F238E27FC236}">
                <a16:creationId xmlns:a16="http://schemas.microsoft.com/office/drawing/2014/main" id="{F254863F-64AC-7E90-0FCA-BFB3B94EF02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478582" y="1771184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4">
                <a:solidFill>
                  <a:srgbClr val="B20E12"/>
                </a:solidFill>
                <a:latin typeface="Calibri" panose="020F0502020204030204" pitchFamily="34" charset="0"/>
              </a:rPr>
              <a:t>Research</a:t>
            </a:r>
          </a:p>
        </p:txBody>
      </p:sp>
      <p:sp>
        <p:nvSpPr>
          <p:cNvPr id="288" name="OTLSHAPE_SLT_778bb8f0dfb44db48c6fd54a2840800e_Duration">
            <a:extLst>
              <a:ext uri="{FF2B5EF4-FFF2-40B4-BE49-F238E27FC236}">
                <a16:creationId xmlns:a16="http://schemas.microsoft.com/office/drawing/2014/main" id="{BFFAA3C4-F83E-D2E2-E98E-C7C1B119B5D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80021" y="200109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1 d</a:t>
            </a:r>
          </a:p>
        </p:txBody>
      </p:sp>
      <p:sp>
        <p:nvSpPr>
          <p:cNvPr id="292" name="OTLSHAPE_SLT_778bb8f0dfb44db48c6fd54a2840800e_Title">
            <a:extLst>
              <a:ext uri="{FF2B5EF4-FFF2-40B4-BE49-F238E27FC236}">
                <a16:creationId xmlns:a16="http://schemas.microsoft.com/office/drawing/2014/main" id="{8E902CBD-0D07-761E-A3CE-3E3138AEDC0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363647" y="200109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4">
                <a:solidFill>
                  <a:srgbClr val="B20E12"/>
                </a:solidFill>
                <a:latin typeface="Calibri" panose="020F0502020204030204" pitchFamily="34" charset="0"/>
              </a:rPr>
              <a:t>Projections</a:t>
            </a:r>
          </a:p>
        </p:txBody>
      </p:sp>
      <p:sp>
        <p:nvSpPr>
          <p:cNvPr id="296" name="OTLSHAPE_SLT_64dec16daa484393bfec58f5abeae47c_Duration">
            <a:extLst>
              <a:ext uri="{FF2B5EF4-FFF2-40B4-BE49-F238E27FC236}">
                <a16:creationId xmlns:a16="http://schemas.microsoft.com/office/drawing/2014/main" id="{687895B3-82CD-820E-867F-CB3E3C1119D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131120" y="237464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4 d</a:t>
            </a:r>
          </a:p>
        </p:txBody>
      </p:sp>
      <p:sp>
        <p:nvSpPr>
          <p:cNvPr id="300" name="OTLSHAPE_SLT_64dec16daa484393bfec58f5abeae47c_Title">
            <a:extLst>
              <a:ext uri="{FF2B5EF4-FFF2-40B4-BE49-F238E27FC236}">
                <a16:creationId xmlns:a16="http://schemas.microsoft.com/office/drawing/2014/main" id="{D2838329-F204-90A1-43B7-92E6C6891A9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491975" y="221962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B20E12"/>
                </a:solidFill>
                <a:latin typeface="Calibri" panose="020F0502020204030204" pitchFamily="34" charset="0"/>
              </a:rPr>
              <a:t>Stakeholders</a:t>
            </a:r>
          </a:p>
        </p:txBody>
      </p:sp>
      <p:sp>
        <p:nvSpPr>
          <p:cNvPr id="304" name="OTLSHAPE_SLT_140780e879cb49fd968421efb5e2a6bc_Duration">
            <a:extLst>
              <a:ext uri="{FF2B5EF4-FFF2-40B4-BE49-F238E27FC236}">
                <a16:creationId xmlns:a16="http://schemas.microsoft.com/office/drawing/2014/main" id="{5670F528-12A6-43A2-9312-338D6D696D6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633684" y="259317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4 d</a:t>
            </a:r>
          </a:p>
        </p:txBody>
      </p:sp>
      <p:sp>
        <p:nvSpPr>
          <p:cNvPr id="308" name="OTLSHAPE_SLT_140780e879cb49fd968421efb5e2a6bc_Title">
            <a:extLst>
              <a:ext uri="{FF2B5EF4-FFF2-40B4-BE49-F238E27FC236}">
                <a16:creationId xmlns:a16="http://schemas.microsoft.com/office/drawing/2014/main" id="{0F837D9A-E7CA-D8EB-152B-16918B51B84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289214" y="259317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rgbClr val="B20E12"/>
                </a:solidFill>
                <a:latin typeface="Calibri" panose="020F0502020204030204" pitchFamily="34" charset="0"/>
              </a:rPr>
              <a:t>Guidelines</a:t>
            </a:r>
          </a:p>
        </p:txBody>
      </p:sp>
      <p:sp>
        <p:nvSpPr>
          <p:cNvPr id="312" name="OTLSHAPE_SLT_ce03d953ffe141dba3c1b18e43794a77_Duration">
            <a:extLst>
              <a:ext uri="{FF2B5EF4-FFF2-40B4-BE49-F238E27FC236}">
                <a16:creationId xmlns:a16="http://schemas.microsoft.com/office/drawing/2014/main" id="{27AFC55D-D30C-15D7-69B4-22A570CFCC0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404562" y="281169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9 d</a:t>
            </a:r>
          </a:p>
        </p:txBody>
      </p:sp>
      <p:sp>
        <p:nvSpPr>
          <p:cNvPr id="316" name="OTLSHAPE_SLT_ce03d953ffe141dba3c1b18e43794a77_Title">
            <a:extLst>
              <a:ext uri="{FF2B5EF4-FFF2-40B4-BE49-F238E27FC236}">
                <a16:creationId xmlns:a16="http://schemas.microsoft.com/office/drawing/2014/main" id="{413AEBE3-57AF-031E-27F4-EA5B08BF342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467758" y="2811695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rgbClr val="B20E12"/>
                </a:solidFill>
                <a:latin typeface="Calibri" panose="020F0502020204030204" pitchFamily="34" charset="0"/>
              </a:rPr>
              <a:t>Project Initiation</a:t>
            </a:r>
          </a:p>
        </p:txBody>
      </p:sp>
      <p:sp>
        <p:nvSpPr>
          <p:cNvPr id="323" name="OTLSHAPE_SLT_a22cb15350c54b468516d7fa744655a7_Duration">
            <a:extLst>
              <a:ext uri="{FF2B5EF4-FFF2-40B4-BE49-F238E27FC236}">
                <a16:creationId xmlns:a16="http://schemas.microsoft.com/office/drawing/2014/main" id="{F3447852-86B0-573B-E53C-69A90DD6070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526358" y="310642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0 d</a:t>
            </a:r>
          </a:p>
        </p:txBody>
      </p:sp>
      <p:sp>
        <p:nvSpPr>
          <p:cNvPr id="327" name="OTLSHAPE_SLT_a22cb15350c54b468516d7fa744655a7_Title">
            <a:extLst>
              <a:ext uri="{FF2B5EF4-FFF2-40B4-BE49-F238E27FC236}">
                <a16:creationId xmlns:a16="http://schemas.microsoft.com/office/drawing/2014/main" id="{C1A317AD-7AE3-27A5-6C5C-A1E7E3C6776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857340" y="3106420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rgbClr val="B20E12"/>
                </a:solidFill>
                <a:latin typeface="Calibri" panose="020F0502020204030204" pitchFamily="34" charset="0"/>
              </a:rPr>
              <a:t>Scope &amp; Goal Setting</a:t>
            </a:r>
          </a:p>
        </p:txBody>
      </p:sp>
      <p:sp>
        <p:nvSpPr>
          <p:cNvPr id="331" name="OTLSHAPE_SLT_a7d1e65d34f246e38db9ae54d283ef98_Duration">
            <a:extLst>
              <a:ext uri="{FF2B5EF4-FFF2-40B4-BE49-F238E27FC236}">
                <a16:creationId xmlns:a16="http://schemas.microsoft.com/office/drawing/2014/main" id="{17CCF2D2-1943-F9C0-A732-A0309EE6ECF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012579" y="33363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3 d</a:t>
            </a:r>
          </a:p>
        </p:txBody>
      </p:sp>
      <p:sp>
        <p:nvSpPr>
          <p:cNvPr id="335" name="OTLSHAPE_SLT_a7d1e65d34f246e38db9ae54d283ef98_Title">
            <a:extLst>
              <a:ext uri="{FF2B5EF4-FFF2-40B4-BE49-F238E27FC236}">
                <a16:creationId xmlns:a16="http://schemas.microsoft.com/office/drawing/2014/main" id="{7DE4B4DB-7974-7715-9891-23A76CB193F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410273" y="333633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B20E12"/>
                </a:solidFill>
                <a:latin typeface="Calibri" panose="020F0502020204030204" pitchFamily="34" charset="0"/>
              </a:rPr>
              <a:t>Budget</a:t>
            </a:r>
          </a:p>
        </p:txBody>
      </p:sp>
      <p:sp>
        <p:nvSpPr>
          <p:cNvPr id="339" name="OTLSHAPE_SLT_3472cede387b47d899b781c02bb4b105_Duration">
            <a:extLst>
              <a:ext uri="{FF2B5EF4-FFF2-40B4-BE49-F238E27FC236}">
                <a16:creationId xmlns:a16="http://schemas.microsoft.com/office/drawing/2014/main" id="{FC19265C-12E7-41A3-6916-33F1489D72D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334557" y="356624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9 d</a:t>
            </a:r>
          </a:p>
        </p:txBody>
      </p:sp>
      <p:sp>
        <p:nvSpPr>
          <p:cNvPr id="343" name="OTLSHAPE_SLT_3472cede387b47d899b781c02bb4b105_Title">
            <a:extLst>
              <a:ext uri="{FF2B5EF4-FFF2-40B4-BE49-F238E27FC236}">
                <a16:creationId xmlns:a16="http://schemas.microsoft.com/office/drawing/2014/main" id="{9A42EB47-9500-F45D-2570-BB3D685582F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691072" y="3566245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rgbClr val="B20E12"/>
                </a:solidFill>
                <a:latin typeface="Calibri" panose="020F0502020204030204" pitchFamily="34" charset="0"/>
              </a:rPr>
              <a:t>Communication Plan</a:t>
            </a:r>
          </a:p>
        </p:txBody>
      </p:sp>
      <p:sp>
        <p:nvSpPr>
          <p:cNvPr id="347" name="OTLSHAPE_SLT_b5576704f10c4803a1dcefcf31367d31_Duration">
            <a:extLst>
              <a:ext uri="{FF2B5EF4-FFF2-40B4-BE49-F238E27FC236}">
                <a16:creationId xmlns:a16="http://schemas.microsoft.com/office/drawing/2014/main" id="{DD19C6AA-B955-EBE4-A6B2-95025F52C54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504889" y="378476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9 d</a:t>
            </a:r>
          </a:p>
        </p:txBody>
      </p:sp>
      <p:sp>
        <p:nvSpPr>
          <p:cNvPr id="351" name="OTLSHAPE_SLT_b5576704f10c4803a1dcefcf31367d31_Title">
            <a:extLst>
              <a:ext uri="{FF2B5EF4-FFF2-40B4-BE49-F238E27FC236}">
                <a16:creationId xmlns:a16="http://schemas.microsoft.com/office/drawing/2014/main" id="{CB00FE97-973A-ED9F-4E02-DA9E7828F18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005507" y="3784769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>
                <a:solidFill>
                  <a:srgbClr val="B20E12"/>
                </a:solidFill>
                <a:latin typeface="Calibri" panose="020F0502020204030204" pitchFamily="34" charset="0"/>
              </a:rPr>
              <a:t>Risk Management</a:t>
            </a:r>
          </a:p>
        </p:txBody>
      </p:sp>
      <p:sp>
        <p:nvSpPr>
          <p:cNvPr id="358" name="OTLSHAPE_SLT_83c63a68fbf04d3ea66d191c9d73f943_Duration">
            <a:extLst>
              <a:ext uri="{FF2B5EF4-FFF2-40B4-BE49-F238E27FC236}">
                <a16:creationId xmlns:a16="http://schemas.microsoft.com/office/drawing/2014/main" id="{80BE74F6-B567-7692-B2B3-A572D4D3B66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578148" y="407949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3 d</a:t>
            </a:r>
          </a:p>
        </p:txBody>
      </p:sp>
      <p:sp>
        <p:nvSpPr>
          <p:cNvPr id="362" name="OTLSHAPE_SLT_83c63a68fbf04d3ea66d191c9d73f943_Title">
            <a:extLst>
              <a:ext uri="{FF2B5EF4-FFF2-40B4-BE49-F238E27FC236}">
                <a16:creationId xmlns:a16="http://schemas.microsoft.com/office/drawing/2014/main" id="{686EE1DD-34F1-1911-4D4C-504E5BA1653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440157" y="4079494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rgbClr val="B20E12"/>
                </a:solidFill>
                <a:latin typeface="Calibri" panose="020F0502020204030204" pitchFamily="34" charset="0"/>
              </a:rPr>
              <a:t>Status &amp; Tracking</a:t>
            </a:r>
          </a:p>
        </p:txBody>
      </p:sp>
      <p:sp>
        <p:nvSpPr>
          <p:cNvPr id="366" name="OTLSHAPE_SLT_991f56ddc9f54c4b89aa672d7174d8b1_Duration">
            <a:extLst>
              <a:ext uri="{FF2B5EF4-FFF2-40B4-BE49-F238E27FC236}">
                <a16:creationId xmlns:a16="http://schemas.microsoft.com/office/drawing/2014/main" id="{B3848CC9-2B57-15D1-66F2-550224C9B75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739137" y="429801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6 d</a:t>
            </a:r>
          </a:p>
        </p:txBody>
      </p:sp>
      <p:sp>
        <p:nvSpPr>
          <p:cNvPr id="370" name="OTLSHAPE_SLT_991f56ddc9f54c4b89aa672d7174d8b1_Title">
            <a:extLst>
              <a:ext uri="{FF2B5EF4-FFF2-40B4-BE49-F238E27FC236}">
                <a16:creationId xmlns:a16="http://schemas.microsoft.com/office/drawing/2014/main" id="{5CB17FAB-F7D8-9013-5513-8F05B514487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127692" y="429801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B20E12"/>
                </a:solidFill>
                <a:latin typeface="Calibri" panose="020F0502020204030204" pitchFamily="34" charset="0"/>
              </a:rPr>
              <a:t>KPIs</a:t>
            </a:r>
          </a:p>
        </p:txBody>
      </p:sp>
      <p:sp>
        <p:nvSpPr>
          <p:cNvPr id="374" name="OTLSHAPE_SLT_d1bcd3c02d9c4898870d7bad5b9dd752_Duration">
            <a:extLst>
              <a:ext uri="{FF2B5EF4-FFF2-40B4-BE49-F238E27FC236}">
                <a16:creationId xmlns:a16="http://schemas.microsoft.com/office/drawing/2014/main" id="{917FD248-A5F1-6A66-FF2B-6F52B16AF6F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544082" y="451654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9 d</a:t>
            </a:r>
          </a:p>
        </p:txBody>
      </p:sp>
      <p:sp>
        <p:nvSpPr>
          <p:cNvPr id="378" name="OTLSHAPE_SLT_d1bcd3c02d9c4898870d7bad5b9dd752_Title">
            <a:extLst>
              <a:ext uri="{FF2B5EF4-FFF2-40B4-BE49-F238E27FC236}">
                <a16:creationId xmlns:a16="http://schemas.microsoft.com/office/drawing/2014/main" id="{FFD01542-848C-63D8-9167-B269B91C8E3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398861" y="451654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Monitoring</a:t>
            </a:r>
          </a:p>
        </p:txBody>
      </p:sp>
      <p:sp>
        <p:nvSpPr>
          <p:cNvPr id="382" name="OTLSHAPE_SLT_5f7766275faa4a939eeda458240ad18d_Duration">
            <a:extLst>
              <a:ext uri="{FF2B5EF4-FFF2-40B4-BE49-F238E27FC236}">
                <a16:creationId xmlns:a16="http://schemas.microsoft.com/office/drawing/2014/main" id="{BE43C69C-D1DC-6E4B-4DAC-6097CA2C318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222105" y="473506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3 d</a:t>
            </a:r>
          </a:p>
        </p:txBody>
      </p:sp>
      <p:sp>
        <p:nvSpPr>
          <p:cNvPr id="386" name="OTLSHAPE_SLT_5f7766275faa4a939eeda458240ad18d_Title">
            <a:extLst>
              <a:ext uri="{FF2B5EF4-FFF2-40B4-BE49-F238E27FC236}">
                <a16:creationId xmlns:a16="http://schemas.microsoft.com/office/drawing/2014/main" id="{B38D17A0-FA32-5801-A778-867A5F6CCBAF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501561" y="473506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Forecasts</a:t>
            </a:r>
          </a:p>
        </p:txBody>
      </p:sp>
      <p:sp>
        <p:nvSpPr>
          <p:cNvPr id="390" name="OTLSHAPE_SLT_8091532be0d24af2b1cd75e79680dc68_Duration">
            <a:extLst>
              <a:ext uri="{FF2B5EF4-FFF2-40B4-BE49-F238E27FC236}">
                <a16:creationId xmlns:a16="http://schemas.microsoft.com/office/drawing/2014/main" id="{B7B0E88E-6A7A-8D3A-F214-59B369F9EE4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924850" y="495359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2 d</a:t>
            </a:r>
          </a:p>
        </p:txBody>
      </p:sp>
      <p:sp>
        <p:nvSpPr>
          <p:cNvPr id="394" name="OTLSHAPE_SLT_8091532be0d24af2b1cd75e79680dc68_Title">
            <a:extLst>
              <a:ext uri="{FF2B5EF4-FFF2-40B4-BE49-F238E27FC236}">
                <a16:creationId xmlns:a16="http://schemas.microsoft.com/office/drawing/2014/main" id="{09DEFE23-36AE-3ABE-B22D-0E1249BC939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910201" y="495359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>
                <a:solidFill>
                  <a:srgbClr val="B20E12"/>
                </a:solidFill>
                <a:latin typeface="Calibri" panose="020F0502020204030204" pitchFamily="34" charset="0"/>
              </a:rPr>
              <a:t>Project Updates</a:t>
            </a:r>
          </a:p>
        </p:txBody>
      </p:sp>
      <p:sp>
        <p:nvSpPr>
          <p:cNvPr id="398" name="OTLSHAPE_SLT_75f2fa9717734634b398850e38914b4f_Duration">
            <a:extLst>
              <a:ext uri="{FF2B5EF4-FFF2-40B4-BE49-F238E27FC236}">
                <a16:creationId xmlns:a16="http://schemas.microsoft.com/office/drawing/2014/main" id="{1C119E2F-C7F3-4510-BF54-B11B17E7F08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388220" y="517211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4 d</a:t>
            </a:r>
          </a:p>
        </p:txBody>
      </p:sp>
      <p:sp>
        <p:nvSpPr>
          <p:cNvPr id="402" name="OTLSHAPE_SLT_75f2fa9717734634b398850e38914b4f_Title">
            <a:extLst>
              <a:ext uri="{FF2B5EF4-FFF2-40B4-BE49-F238E27FC236}">
                <a16:creationId xmlns:a16="http://schemas.microsoft.com/office/drawing/2014/main" id="{D2A6BDB2-94B5-163D-0D1B-413DFA4EEFE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352013" y="5172117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>
                <a:solidFill>
                  <a:srgbClr val="B20E12"/>
                </a:solidFill>
                <a:latin typeface="Calibri" panose="020F0502020204030204" pitchFamily="34" charset="0"/>
              </a:rPr>
              <a:t>Chart Updates</a:t>
            </a:r>
          </a:p>
        </p:txBody>
      </p:sp>
      <p:sp>
        <p:nvSpPr>
          <p:cNvPr id="409" name="OTLSHAPE_SLT_79fddb571d94467eb88aaac5459a02c9_Duration">
            <a:extLst>
              <a:ext uri="{FF2B5EF4-FFF2-40B4-BE49-F238E27FC236}">
                <a16:creationId xmlns:a16="http://schemas.microsoft.com/office/drawing/2014/main" id="{80BC7754-AA73-80EF-A2B9-EC93C4616EA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544082" y="570814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7 d</a:t>
            </a:r>
          </a:p>
        </p:txBody>
      </p:sp>
      <p:sp>
        <p:nvSpPr>
          <p:cNvPr id="413" name="OTLSHAPE_SLT_79fddb571d94467eb88aaac5459a02c9_Title">
            <a:extLst>
              <a:ext uri="{FF2B5EF4-FFF2-40B4-BE49-F238E27FC236}">
                <a16:creationId xmlns:a16="http://schemas.microsoft.com/office/drawing/2014/main" id="{5EE8BF87-99E7-455C-EC51-0751915E1AA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147496" y="5708142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>
                <a:solidFill>
                  <a:srgbClr val="B20E12"/>
                </a:solidFill>
                <a:latin typeface="Calibri" panose="020F0502020204030204" pitchFamily="34" charset="0"/>
              </a:rPr>
              <a:t>Project Objectives</a:t>
            </a:r>
          </a:p>
        </p:txBody>
      </p:sp>
      <p:sp>
        <p:nvSpPr>
          <p:cNvPr id="417" name="OTLSHAPE_SLT_30988dbdc08e4fe18f1fea3c5dc511bb_Duration">
            <a:extLst>
              <a:ext uri="{FF2B5EF4-FFF2-40B4-BE49-F238E27FC236}">
                <a16:creationId xmlns:a16="http://schemas.microsoft.com/office/drawing/2014/main" id="{1998E3C6-7E29-5E97-0601-B6C48931691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965914" y="614519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20 d</a:t>
            </a:r>
          </a:p>
        </p:txBody>
      </p:sp>
      <p:sp>
        <p:nvSpPr>
          <p:cNvPr id="421" name="OTLSHAPE_SLT_30988dbdc08e4fe18f1fea3c5dc511bb_Title">
            <a:extLst>
              <a:ext uri="{FF2B5EF4-FFF2-40B4-BE49-F238E27FC236}">
                <a16:creationId xmlns:a16="http://schemas.microsoft.com/office/drawing/2014/main" id="{2127305F-CB96-72CC-BB9D-A1531E5D3B8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727248" y="614519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B20E12"/>
                </a:solidFill>
                <a:latin typeface="Calibri" panose="020F0502020204030204" pitchFamily="34" charset="0"/>
              </a:rPr>
              <a:t>Effort &amp; Cost Tracking</a:t>
            </a:r>
          </a:p>
        </p:txBody>
      </p:sp>
      <p:sp>
        <p:nvSpPr>
          <p:cNvPr id="425" name="OTLSHAPE_SLT_f2ee045b63c94057bf35bae6f2e88107_Duration">
            <a:extLst>
              <a:ext uri="{FF2B5EF4-FFF2-40B4-BE49-F238E27FC236}">
                <a16:creationId xmlns:a16="http://schemas.microsoft.com/office/drawing/2014/main" id="{E2F66CE0-8650-26B0-D0F4-60DE66B499A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482948" y="59266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11 d</a:t>
            </a:r>
          </a:p>
        </p:txBody>
      </p:sp>
      <p:sp>
        <p:nvSpPr>
          <p:cNvPr id="429" name="OTLSHAPE_SLT_f2ee045b63c94057bf35bae6f2e88107_Title">
            <a:extLst>
              <a:ext uri="{FF2B5EF4-FFF2-40B4-BE49-F238E27FC236}">
                <a16:creationId xmlns:a16="http://schemas.microsoft.com/office/drawing/2014/main" id="{8E9B8C88-9466-1375-0040-8760E14F5D2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795531" y="592666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Quality Deliverables</a:t>
            </a:r>
          </a:p>
        </p:txBody>
      </p:sp>
      <p:sp>
        <p:nvSpPr>
          <p:cNvPr id="432" name="OTLSHAPE_SLM_c88f000159ae4ef0b51d43f1da61fbf7_Title">
            <a:extLst>
              <a:ext uri="{FF2B5EF4-FFF2-40B4-BE49-F238E27FC236}">
                <a16:creationId xmlns:a16="http://schemas.microsoft.com/office/drawing/2014/main" id="{5C02A9B7-065D-E3BC-E78F-1758B7EDB17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945149" y="6375104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 dirty="0">
                <a:solidFill>
                  <a:srgbClr val="B20E12"/>
                </a:solidFill>
                <a:latin typeface="Calibri" panose="020F0502020204030204" pitchFamily="34" charset="0"/>
              </a:rPr>
              <a:t>Project Performance</a:t>
            </a:r>
          </a:p>
        </p:txBody>
      </p:sp>
      <p:sp>
        <p:nvSpPr>
          <p:cNvPr id="233" name="OTLSHAPE_SLT_a02109fe11b24ad8ac135ced8c9379a0_Title">
            <a:extLst>
              <a:ext uri="{FF2B5EF4-FFF2-40B4-BE49-F238E27FC236}">
                <a16:creationId xmlns:a16="http://schemas.microsoft.com/office/drawing/2014/main" id="{8A80A3B5-5034-3D52-BCBA-13B08063444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012140" y="451654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rgbClr val="737373"/>
                </a:solidFill>
                <a:latin typeface="Calibri" panose="020F0502020204030204" pitchFamily="34" charset="0"/>
              </a:rPr>
              <a:t>Slack</a:t>
            </a:r>
          </a:p>
        </p:txBody>
      </p:sp>
      <p:sp>
        <p:nvSpPr>
          <p:cNvPr id="36" name="OTLSHAPE_SLT_b40b350d7d3847d1a7e75e999edaf107_Title">
            <a:extLst>
              <a:ext uri="{FF2B5EF4-FFF2-40B4-BE49-F238E27FC236}">
                <a16:creationId xmlns:a16="http://schemas.microsoft.com/office/drawing/2014/main" id="{E02F1B84-643C-260E-4CEA-088FA1A71C3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099870" y="473506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rgbClr val="737373"/>
                </a:solidFill>
                <a:latin typeface="Calibri" panose="020F0502020204030204" pitchFamily="34" charset="0"/>
              </a:rPr>
              <a:t>Slack</a:t>
            </a:r>
          </a:p>
        </p:txBody>
      </p:sp>
      <p:sp>
        <p:nvSpPr>
          <p:cNvPr id="42" name="OTLSHAPE_SLT_369f0cc8bbe64b798b48cadbc717ba2f_Title">
            <a:extLst>
              <a:ext uri="{FF2B5EF4-FFF2-40B4-BE49-F238E27FC236}">
                <a16:creationId xmlns:a16="http://schemas.microsoft.com/office/drawing/2014/main" id="{50DD8917-726A-7835-CD71-053AEE6B9F7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480637" y="59266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rgbClr val="737373"/>
                </a:solidFill>
                <a:latin typeface="Calibri" panose="020F0502020204030204" pitchFamily="34" charset="0"/>
              </a:rPr>
              <a:t>Slack</a:t>
            </a:r>
          </a:p>
        </p:txBody>
      </p:sp>
      <p:cxnSp>
        <p:nvCxnSpPr>
          <p:cNvPr id="46" name="OTLSHAPE_TB_00000000000000000000000000000000_Separator1">
            <a:extLst>
              <a:ext uri="{FF2B5EF4-FFF2-40B4-BE49-F238E27FC236}">
                <a16:creationId xmlns:a16="http://schemas.microsoft.com/office/drawing/2014/main" id="{DC97A83D-2066-EE2A-E795-BA20C1833593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2887211" y="3873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Separator2">
            <a:extLst>
              <a:ext uri="{FF2B5EF4-FFF2-40B4-BE49-F238E27FC236}">
                <a16:creationId xmlns:a16="http://schemas.microsoft.com/office/drawing/2014/main" id="{F23B84E8-F97C-EFA6-1DBB-1679CA748A9B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4282448" y="3873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TB_00000000000000000000000000000000_Separator3">
            <a:extLst>
              <a:ext uri="{FF2B5EF4-FFF2-40B4-BE49-F238E27FC236}">
                <a16:creationId xmlns:a16="http://schemas.microsoft.com/office/drawing/2014/main" id="{2BCF5BA8-5DA2-9539-C2E4-D322931FD0E5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5677685" y="3873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TB_00000000000000000000000000000000_Separator4">
            <a:extLst>
              <a:ext uri="{FF2B5EF4-FFF2-40B4-BE49-F238E27FC236}">
                <a16:creationId xmlns:a16="http://schemas.microsoft.com/office/drawing/2014/main" id="{0FFD68B3-3E41-9C39-E4C9-067B8437D3F8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7072923" y="3873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TB_00000000000000000000000000000000_Separator5">
            <a:extLst>
              <a:ext uri="{FF2B5EF4-FFF2-40B4-BE49-F238E27FC236}">
                <a16:creationId xmlns:a16="http://schemas.microsoft.com/office/drawing/2014/main" id="{4A81E018-066C-DF6E-EE9C-2101B8345141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8468160" y="3873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TB_00000000000000000000000000000000_Separator6">
            <a:extLst>
              <a:ext uri="{FF2B5EF4-FFF2-40B4-BE49-F238E27FC236}">
                <a16:creationId xmlns:a16="http://schemas.microsoft.com/office/drawing/2014/main" id="{2F742AEE-7C7C-605C-0D78-63BF79C079E5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9863397" y="38735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B_00000000000000000000000000000000_MiddleSeparator1">
            <a:extLst>
              <a:ext uri="{FF2B5EF4-FFF2-40B4-BE49-F238E27FC236}">
                <a16:creationId xmlns:a16="http://schemas.microsoft.com/office/drawing/2014/main" id="{4E179AFD-0E61-105C-CF0A-A4DECCEAF6DE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2457907" y="5793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B_00000000000000000000000000000000_MiddleSeparator2">
            <a:extLst>
              <a:ext uri="{FF2B5EF4-FFF2-40B4-BE49-F238E27FC236}">
                <a16:creationId xmlns:a16="http://schemas.microsoft.com/office/drawing/2014/main" id="{FEAB223B-8A72-97E8-7537-C04493F62782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3960470" y="5793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2" name="OTLSHAPE_TB_00000000000000000000000000000000_MiddleSeparator3">
            <a:extLst>
              <a:ext uri="{FF2B5EF4-FFF2-40B4-BE49-F238E27FC236}">
                <a16:creationId xmlns:a16="http://schemas.microsoft.com/office/drawing/2014/main" id="{EF97B4E3-B5E1-8D65-8A1A-66F922936879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5463034" y="5793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TB_00000000000000000000000000000000_MiddleSeparator4">
            <a:extLst>
              <a:ext uri="{FF2B5EF4-FFF2-40B4-BE49-F238E27FC236}">
                <a16:creationId xmlns:a16="http://schemas.microsoft.com/office/drawing/2014/main" id="{8310839E-3F3D-4299-0E31-E818FDA85FB3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6965597" y="5793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B_00000000000000000000000000000000_MiddleSeparator5">
            <a:extLst>
              <a:ext uri="{FF2B5EF4-FFF2-40B4-BE49-F238E27FC236}">
                <a16:creationId xmlns:a16="http://schemas.microsoft.com/office/drawing/2014/main" id="{576CA80B-002A-E78A-E670-0AB1BCBDCEED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8468160" y="5793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B_00000000000000000000000000000000_MiddleSeparator6">
            <a:extLst>
              <a:ext uri="{FF2B5EF4-FFF2-40B4-BE49-F238E27FC236}">
                <a16:creationId xmlns:a16="http://schemas.microsoft.com/office/drawing/2014/main" id="{B618BA67-1C79-3548-41EF-34A6A6AFADC0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9970723" y="57937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6" name="OTLSHAPE_D_65c5d3e8259340a5ad45bde5ec3cc066_Line">
            <a:extLst>
              <a:ext uri="{FF2B5EF4-FFF2-40B4-BE49-F238E27FC236}">
                <a16:creationId xmlns:a16="http://schemas.microsoft.com/office/drawing/2014/main" id="{25AF225D-3C25-34CF-9631-A9698DC3C2FB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2461890" y="1245235"/>
            <a:ext cx="160421" cy="373550"/>
          </a:xfrm>
          <a:custGeom>
            <a:avLst/>
            <a:gdLst/>
            <a:ahLst/>
            <a:cxnLst/>
            <a:rect l="0" t="0" r="0" b="0"/>
            <a:pathLst>
              <a:path w="160421" h="373550">
                <a:moveTo>
                  <a:pt x="103270" y="0"/>
                </a:moveTo>
                <a:lnTo>
                  <a:pt x="160420" y="0"/>
                </a:lnTo>
                <a:lnTo>
                  <a:pt x="160420" y="109262"/>
                </a:lnTo>
                <a:lnTo>
                  <a:pt x="0" y="109262"/>
                </a:lnTo>
                <a:lnTo>
                  <a:pt x="0" y="373549"/>
                </a:lnTo>
                <a:lnTo>
                  <a:pt x="103344" y="37354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3" name="OTLSHAPE_D_8c0e64c7a3e24539a8246a8d8130901f_Line">
            <a:extLst>
              <a:ext uri="{FF2B5EF4-FFF2-40B4-BE49-F238E27FC236}">
                <a16:creationId xmlns:a16="http://schemas.microsoft.com/office/drawing/2014/main" id="{AA4720DC-B04D-B724-69A2-9BC12BD73859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2998520" y="1618784"/>
            <a:ext cx="160420" cy="229914"/>
          </a:xfrm>
          <a:custGeom>
            <a:avLst/>
            <a:gdLst/>
            <a:ahLst/>
            <a:cxnLst/>
            <a:rect l="0" t="0" r="0" b="0"/>
            <a:pathLst>
              <a:path w="160420" h="229914">
                <a:moveTo>
                  <a:pt x="103269" y="0"/>
                </a:moveTo>
                <a:lnTo>
                  <a:pt x="160419" y="0"/>
                </a:lnTo>
                <a:lnTo>
                  <a:pt x="160419" y="109263"/>
                </a:lnTo>
                <a:lnTo>
                  <a:pt x="0" y="109263"/>
                </a:lnTo>
                <a:lnTo>
                  <a:pt x="0" y="229913"/>
                </a:lnTo>
                <a:lnTo>
                  <a:pt x="103344" y="22991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4" name="OTLSHAPE_D_e67b35032fe24ba6a200369738545b3f_Line">
            <a:extLst>
              <a:ext uri="{FF2B5EF4-FFF2-40B4-BE49-F238E27FC236}">
                <a16:creationId xmlns:a16="http://schemas.microsoft.com/office/drawing/2014/main" id="{EC57E9BA-3850-3155-9DEB-34AA8EA9287D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2998520" y="1618784"/>
            <a:ext cx="160420" cy="459826"/>
          </a:xfrm>
          <a:custGeom>
            <a:avLst/>
            <a:gdLst/>
            <a:ahLst/>
            <a:cxnLst/>
            <a:rect l="0" t="0" r="0" b="0"/>
            <a:pathLst>
              <a:path w="160420" h="459826">
                <a:moveTo>
                  <a:pt x="103269" y="0"/>
                </a:moveTo>
                <a:lnTo>
                  <a:pt x="160419" y="0"/>
                </a:lnTo>
                <a:lnTo>
                  <a:pt x="160419" y="109263"/>
                </a:lnTo>
                <a:lnTo>
                  <a:pt x="0" y="109263"/>
                </a:lnTo>
                <a:lnTo>
                  <a:pt x="0" y="459825"/>
                </a:lnTo>
                <a:lnTo>
                  <a:pt x="103344" y="45982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" name="OTLSHAPE_D_e490ee6957344b90943334704be4d2fd_Line">
            <a:extLst>
              <a:ext uri="{FF2B5EF4-FFF2-40B4-BE49-F238E27FC236}">
                <a16:creationId xmlns:a16="http://schemas.microsoft.com/office/drawing/2014/main" id="{2A2318E3-6787-3EF7-5F48-2186AF4474C9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2891194" y="2452158"/>
            <a:ext cx="160420" cy="218526"/>
          </a:xfrm>
          <a:custGeom>
            <a:avLst/>
            <a:gdLst/>
            <a:ahLst/>
            <a:cxnLst/>
            <a:rect l="0" t="0" r="0" b="0"/>
            <a:pathLst>
              <a:path w="160420" h="218526">
                <a:moveTo>
                  <a:pt x="103269" y="0"/>
                </a:moveTo>
                <a:lnTo>
                  <a:pt x="160419" y="0"/>
                </a:lnTo>
                <a:lnTo>
                  <a:pt x="160419" y="109263"/>
                </a:lnTo>
                <a:lnTo>
                  <a:pt x="0" y="109263"/>
                </a:lnTo>
                <a:lnTo>
                  <a:pt x="0" y="218525"/>
                </a:lnTo>
                <a:lnTo>
                  <a:pt x="103344" y="21852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OTLSHAPE_D_7365933954ff4ff782330ddc6e88b186_Line">
            <a:extLst>
              <a:ext uri="{FF2B5EF4-FFF2-40B4-BE49-F238E27FC236}">
                <a16:creationId xmlns:a16="http://schemas.microsoft.com/office/drawing/2014/main" id="{B9586EA1-C72F-9159-DD8F-DDD5D83CBC61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4393757" y="2670683"/>
            <a:ext cx="160421" cy="218526"/>
          </a:xfrm>
          <a:custGeom>
            <a:avLst/>
            <a:gdLst/>
            <a:ahLst/>
            <a:cxnLst/>
            <a:rect l="0" t="0" r="0" b="0"/>
            <a:pathLst>
              <a:path w="160421" h="218526">
                <a:moveTo>
                  <a:pt x="103270" y="0"/>
                </a:moveTo>
                <a:lnTo>
                  <a:pt x="160420" y="0"/>
                </a:lnTo>
                <a:lnTo>
                  <a:pt x="160420" y="109262"/>
                </a:lnTo>
                <a:lnTo>
                  <a:pt x="0" y="109262"/>
                </a:lnTo>
                <a:lnTo>
                  <a:pt x="0" y="218525"/>
                </a:lnTo>
                <a:lnTo>
                  <a:pt x="103344" y="21852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7" name="OTLSHAPE_D_41863a6346824899a09014b843463ba0_Line">
            <a:extLst>
              <a:ext uri="{FF2B5EF4-FFF2-40B4-BE49-F238E27FC236}">
                <a16:creationId xmlns:a16="http://schemas.microsoft.com/office/drawing/2014/main" id="{A5B0743C-8F9A-6AA5-6699-7648341BD9B5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2565160" y="1245235"/>
            <a:ext cx="536705" cy="1938698"/>
          </a:xfrm>
          <a:custGeom>
            <a:avLst/>
            <a:gdLst/>
            <a:ahLst/>
            <a:cxnLst/>
            <a:rect l="0" t="0" r="0" b="0"/>
            <a:pathLst>
              <a:path w="536705" h="1938698">
                <a:moveTo>
                  <a:pt x="0" y="0"/>
                </a:moveTo>
                <a:lnTo>
                  <a:pt x="433360" y="0"/>
                </a:lnTo>
                <a:lnTo>
                  <a:pt x="433360" y="1938697"/>
                </a:lnTo>
                <a:lnTo>
                  <a:pt x="536704" y="1938697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D_acd538ec56eb47a1be0a84816ac4fe2e_Line">
            <a:extLst>
              <a:ext uri="{FF2B5EF4-FFF2-40B4-BE49-F238E27FC236}">
                <a16:creationId xmlns:a16="http://schemas.microsoft.com/office/drawing/2014/main" id="{CEFF167A-2CC6-2CC8-0498-E0CE697414F6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2998520" y="1618784"/>
            <a:ext cx="160420" cy="1565149"/>
          </a:xfrm>
          <a:custGeom>
            <a:avLst/>
            <a:gdLst/>
            <a:ahLst/>
            <a:cxnLst/>
            <a:rect l="0" t="0" r="0" b="0"/>
            <a:pathLst>
              <a:path w="160420" h="1565149">
                <a:moveTo>
                  <a:pt x="103269" y="0"/>
                </a:moveTo>
                <a:lnTo>
                  <a:pt x="160419" y="0"/>
                </a:lnTo>
                <a:lnTo>
                  <a:pt x="160419" y="109263"/>
                </a:lnTo>
                <a:lnTo>
                  <a:pt x="0" y="109263"/>
                </a:lnTo>
                <a:lnTo>
                  <a:pt x="0" y="1565148"/>
                </a:lnTo>
                <a:lnTo>
                  <a:pt x="103344" y="156514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D_5fc4dee9e83a4dd88ace9e30b819448e_Line">
            <a:extLst>
              <a:ext uri="{FF2B5EF4-FFF2-40B4-BE49-F238E27FC236}">
                <a16:creationId xmlns:a16="http://schemas.microsoft.com/office/drawing/2014/main" id="{66843ACE-116A-1E36-05ED-F2F148A6BDDB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7828188" y="1848697"/>
            <a:ext cx="160420" cy="1565149"/>
          </a:xfrm>
          <a:custGeom>
            <a:avLst/>
            <a:gdLst/>
            <a:ahLst/>
            <a:cxnLst/>
            <a:rect l="0" t="0" r="0" b="0"/>
            <a:pathLst>
              <a:path w="160420" h="1565149">
                <a:moveTo>
                  <a:pt x="103269" y="0"/>
                </a:moveTo>
                <a:lnTo>
                  <a:pt x="160419" y="0"/>
                </a:lnTo>
                <a:lnTo>
                  <a:pt x="160419" y="120650"/>
                </a:lnTo>
                <a:lnTo>
                  <a:pt x="0" y="120650"/>
                </a:lnTo>
                <a:lnTo>
                  <a:pt x="0" y="1565148"/>
                </a:lnTo>
                <a:lnTo>
                  <a:pt x="103343" y="156514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D_422a0776b5684bfe8e40d06cdc84030d_Line">
            <a:extLst>
              <a:ext uri="{FF2B5EF4-FFF2-40B4-BE49-F238E27FC236}">
                <a16:creationId xmlns:a16="http://schemas.microsoft.com/office/drawing/2014/main" id="{4D9A4F3E-9A94-19BE-4766-1792C1283E24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4282375" y="2078609"/>
            <a:ext cx="3649157" cy="1335237"/>
          </a:xfrm>
          <a:custGeom>
            <a:avLst/>
            <a:gdLst/>
            <a:ahLst/>
            <a:cxnLst/>
            <a:rect l="0" t="0" r="0" b="0"/>
            <a:pathLst>
              <a:path w="3649157" h="1335237">
                <a:moveTo>
                  <a:pt x="0" y="0"/>
                </a:moveTo>
                <a:lnTo>
                  <a:pt x="3545813" y="0"/>
                </a:lnTo>
                <a:lnTo>
                  <a:pt x="3545813" y="1335236"/>
                </a:lnTo>
                <a:lnTo>
                  <a:pt x="3649156" y="1335236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" name="OTLSHAPE_D_d9368fbc53fd43f69eccb4f5a9bab9a4_Line">
            <a:extLst>
              <a:ext uri="{FF2B5EF4-FFF2-40B4-BE49-F238E27FC236}">
                <a16:creationId xmlns:a16="http://schemas.microsoft.com/office/drawing/2014/main" id="{CF3B7E96-32E3-4595-C7EF-CD5ECAB8930E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2994463" y="2452158"/>
            <a:ext cx="4937069" cy="961688"/>
          </a:xfrm>
          <a:custGeom>
            <a:avLst/>
            <a:gdLst/>
            <a:ahLst/>
            <a:cxnLst/>
            <a:rect l="0" t="0" r="0" b="0"/>
            <a:pathLst>
              <a:path w="4937069" h="961688">
                <a:moveTo>
                  <a:pt x="0" y="0"/>
                </a:moveTo>
                <a:lnTo>
                  <a:pt x="4833725" y="0"/>
                </a:lnTo>
                <a:lnTo>
                  <a:pt x="4833725" y="961687"/>
                </a:lnTo>
                <a:lnTo>
                  <a:pt x="4937068" y="961687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" name="OTLSHAPE_D_937c9912525d4a2593113c0f2eb83b66_Line">
            <a:extLst>
              <a:ext uri="{FF2B5EF4-FFF2-40B4-BE49-F238E27FC236}">
                <a16:creationId xmlns:a16="http://schemas.microsoft.com/office/drawing/2014/main" id="{34F736BD-887C-1E94-E74E-BA0711DD7261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7828188" y="1848697"/>
            <a:ext cx="160420" cy="1795061"/>
          </a:xfrm>
          <a:custGeom>
            <a:avLst/>
            <a:gdLst/>
            <a:ahLst/>
            <a:cxnLst/>
            <a:rect l="0" t="0" r="0" b="0"/>
            <a:pathLst>
              <a:path w="160420" h="1795061">
                <a:moveTo>
                  <a:pt x="103269" y="0"/>
                </a:moveTo>
                <a:lnTo>
                  <a:pt x="160419" y="0"/>
                </a:lnTo>
                <a:lnTo>
                  <a:pt x="160419" y="120650"/>
                </a:lnTo>
                <a:lnTo>
                  <a:pt x="0" y="120650"/>
                </a:lnTo>
                <a:lnTo>
                  <a:pt x="0" y="1795060"/>
                </a:lnTo>
                <a:lnTo>
                  <a:pt x="103343" y="179506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" name="OTLSHAPE_D_cf200b42d9bf4fa7beae0b8033fefdd6_Line">
            <a:extLst>
              <a:ext uri="{FF2B5EF4-FFF2-40B4-BE49-F238E27FC236}">
                <a16:creationId xmlns:a16="http://schemas.microsoft.com/office/drawing/2014/main" id="{8D5933B8-EF21-4B32-28BD-1BE88B85885F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4282375" y="2078609"/>
            <a:ext cx="3649157" cy="1565149"/>
          </a:xfrm>
          <a:custGeom>
            <a:avLst/>
            <a:gdLst/>
            <a:ahLst/>
            <a:cxnLst/>
            <a:rect l="0" t="0" r="0" b="0"/>
            <a:pathLst>
              <a:path w="3649157" h="1565149">
                <a:moveTo>
                  <a:pt x="0" y="0"/>
                </a:moveTo>
                <a:lnTo>
                  <a:pt x="3545813" y="0"/>
                </a:lnTo>
                <a:lnTo>
                  <a:pt x="3545813" y="1565148"/>
                </a:lnTo>
                <a:lnTo>
                  <a:pt x="3649156" y="156514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" name="OTLSHAPE_D_efd3011e49fd487f934e0d175375f795_Line">
            <a:extLst>
              <a:ext uri="{FF2B5EF4-FFF2-40B4-BE49-F238E27FC236}">
                <a16:creationId xmlns:a16="http://schemas.microsoft.com/office/drawing/2014/main" id="{33A4EFE8-7936-17B9-CCF0-521906DFB525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2994463" y="2452158"/>
            <a:ext cx="4937069" cy="1191600"/>
          </a:xfrm>
          <a:custGeom>
            <a:avLst/>
            <a:gdLst/>
            <a:ahLst/>
            <a:cxnLst/>
            <a:rect l="0" t="0" r="0" b="0"/>
            <a:pathLst>
              <a:path w="4937069" h="1191600">
                <a:moveTo>
                  <a:pt x="0" y="0"/>
                </a:moveTo>
                <a:lnTo>
                  <a:pt x="4833725" y="0"/>
                </a:lnTo>
                <a:lnTo>
                  <a:pt x="4833725" y="1191599"/>
                </a:lnTo>
                <a:lnTo>
                  <a:pt x="4937068" y="119159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D_5bebe1ebcdd14856b5907d3f76776b7d_Line">
            <a:extLst>
              <a:ext uri="{FF2B5EF4-FFF2-40B4-BE49-F238E27FC236}">
                <a16:creationId xmlns:a16="http://schemas.microsoft.com/office/drawing/2014/main" id="{787D8BAE-40F5-44C0-8E0C-1E1584B7DA2D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2998520" y="1618784"/>
            <a:ext cx="160420" cy="2243499"/>
          </a:xfrm>
          <a:custGeom>
            <a:avLst/>
            <a:gdLst/>
            <a:ahLst/>
            <a:cxnLst/>
            <a:rect l="0" t="0" r="0" b="0"/>
            <a:pathLst>
              <a:path w="160420" h="2243499">
                <a:moveTo>
                  <a:pt x="103269" y="0"/>
                </a:moveTo>
                <a:lnTo>
                  <a:pt x="160419" y="0"/>
                </a:lnTo>
                <a:lnTo>
                  <a:pt x="160419" y="109263"/>
                </a:lnTo>
                <a:lnTo>
                  <a:pt x="0" y="109263"/>
                </a:lnTo>
                <a:lnTo>
                  <a:pt x="0" y="2243498"/>
                </a:lnTo>
                <a:lnTo>
                  <a:pt x="103344" y="224349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" name="OTLSHAPE_D_8f4471a9ba624b699a176602e3deffdb_Line">
            <a:extLst>
              <a:ext uri="{FF2B5EF4-FFF2-40B4-BE49-F238E27FC236}">
                <a16:creationId xmlns:a16="http://schemas.microsoft.com/office/drawing/2014/main" id="{14AAB2EA-3AA2-EF13-828B-856D3B07EE50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4175049" y="3183932"/>
            <a:ext cx="322053" cy="973075"/>
          </a:xfrm>
          <a:custGeom>
            <a:avLst/>
            <a:gdLst/>
            <a:ahLst/>
            <a:cxnLst/>
            <a:rect l="0" t="0" r="0" b="0"/>
            <a:pathLst>
              <a:path w="322053" h="973075">
                <a:moveTo>
                  <a:pt x="0" y="0"/>
                </a:moveTo>
                <a:lnTo>
                  <a:pt x="218708" y="0"/>
                </a:lnTo>
                <a:lnTo>
                  <a:pt x="218708" y="973074"/>
                </a:lnTo>
                <a:lnTo>
                  <a:pt x="322052" y="973074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" name="OTLSHAPE_D_08608ab43c1b4543a444bd3932e956cc_Line">
            <a:extLst>
              <a:ext uri="{FF2B5EF4-FFF2-40B4-BE49-F238E27FC236}">
                <a16:creationId xmlns:a16="http://schemas.microsoft.com/office/drawing/2014/main" id="{DAA430A8-39BC-2042-5CEA-559AC98092BD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4175049" y="3183932"/>
            <a:ext cx="322053" cy="1191600"/>
          </a:xfrm>
          <a:custGeom>
            <a:avLst/>
            <a:gdLst/>
            <a:ahLst/>
            <a:cxnLst/>
            <a:rect l="0" t="0" r="0" b="0"/>
            <a:pathLst>
              <a:path w="322053" h="1191600">
                <a:moveTo>
                  <a:pt x="0" y="0"/>
                </a:moveTo>
                <a:lnTo>
                  <a:pt x="218708" y="0"/>
                </a:lnTo>
                <a:lnTo>
                  <a:pt x="218708" y="1191599"/>
                </a:lnTo>
                <a:lnTo>
                  <a:pt x="322052" y="119159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D_36c06d86674a4001858df411323093fb_Line">
            <a:extLst>
              <a:ext uri="{FF2B5EF4-FFF2-40B4-BE49-F238E27FC236}">
                <a16:creationId xmlns:a16="http://schemas.microsoft.com/office/drawing/2014/main" id="{4C2E6D72-81A4-5903-8E66-9049D2DE43F0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5037713" y="4375531"/>
            <a:ext cx="160420" cy="218526"/>
          </a:xfrm>
          <a:custGeom>
            <a:avLst/>
            <a:gdLst/>
            <a:ahLst/>
            <a:cxnLst/>
            <a:rect l="0" t="0" r="0" b="0"/>
            <a:pathLst>
              <a:path w="160420" h="218526">
                <a:moveTo>
                  <a:pt x="103269" y="0"/>
                </a:moveTo>
                <a:lnTo>
                  <a:pt x="160419" y="0"/>
                </a:lnTo>
                <a:lnTo>
                  <a:pt x="160419" y="109262"/>
                </a:lnTo>
                <a:lnTo>
                  <a:pt x="0" y="109262"/>
                </a:lnTo>
                <a:lnTo>
                  <a:pt x="0" y="218525"/>
                </a:lnTo>
                <a:lnTo>
                  <a:pt x="103344" y="21852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" name="OTLSHAPE_D_3de92cfaa14d494a81e04d403c95bdfb_Line">
            <a:extLst>
              <a:ext uri="{FF2B5EF4-FFF2-40B4-BE49-F238E27FC236}">
                <a16:creationId xmlns:a16="http://schemas.microsoft.com/office/drawing/2014/main" id="{097AE617-62CB-D924-6EB9-72FA454A2872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5037713" y="4375531"/>
            <a:ext cx="160420" cy="437050"/>
          </a:xfrm>
          <a:custGeom>
            <a:avLst/>
            <a:gdLst/>
            <a:ahLst/>
            <a:cxnLst/>
            <a:rect l="0" t="0" r="0" b="0"/>
            <a:pathLst>
              <a:path w="160420" h="437050">
                <a:moveTo>
                  <a:pt x="103269" y="0"/>
                </a:moveTo>
                <a:lnTo>
                  <a:pt x="160419" y="0"/>
                </a:lnTo>
                <a:lnTo>
                  <a:pt x="160419" y="109262"/>
                </a:lnTo>
                <a:lnTo>
                  <a:pt x="0" y="109262"/>
                </a:lnTo>
                <a:lnTo>
                  <a:pt x="0" y="437049"/>
                </a:lnTo>
                <a:lnTo>
                  <a:pt x="103344" y="43704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" name="OTLSHAPE_D_8337f704a5624ec282013865da6c0232_Line">
            <a:extLst>
              <a:ext uri="{FF2B5EF4-FFF2-40B4-BE49-F238E27FC236}">
                <a16:creationId xmlns:a16="http://schemas.microsoft.com/office/drawing/2014/main" id="{C704C005-8A6E-F035-E4EB-57A8F1CC80F7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8253435" y="3413845"/>
            <a:ext cx="644031" cy="1617261"/>
          </a:xfrm>
          <a:custGeom>
            <a:avLst/>
            <a:gdLst/>
            <a:ahLst/>
            <a:cxnLst/>
            <a:rect l="0" t="0" r="0" b="0"/>
            <a:pathLst>
              <a:path w="644031" h="1617261">
                <a:moveTo>
                  <a:pt x="0" y="0"/>
                </a:moveTo>
                <a:lnTo>
                  <a:pt x="540686" y="0"/>
                </a:lnTo>
                <a:lnTo>
                  <a:pt x="540686" y="1617260"/>
                </a:lnTo>
                <a:lnTo>
                  <a:pt x="644030" y="161726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D_eab6f92c321b49e6aade9903c17dc009_Line">
            <a:extLst>
              <a:ext uri="{FF2B5EF4-FFF2-40B4-BE49-F238E27FC236}">
                <a16:creationId xmlns:a16="http://schemas.microsoft.com/office/drawing/2014/main" id="{6BDBD632-A13E-F7C2-B399-F2CEDC369FA6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8794121" y="3643757"/>
            <a:ext cx="160420" cy="1387349"/>
          </a:xfrm>
          <a:custGeom>
            <a:avLst/>
            <a:gdLst/>
            <a:ahLst/>
            <a:cxnLst/>
            <a:rect l="0" t="0" r="0" b="0"/>
            <a:pathLst>
              <a:path w="160420" h="1387349">
                <a:moveTo>
                  <a:pt x="103269" y="0"/>
                </a:moveTo>
                <a:lnTo>
                  <a:pt x="160419" y="0"/>
                </a:lnTo>
                <a:lnTo>
                  <a:pt x="160419" y="109262"/>
                </a:lnTo>
                <a:lnTo>
                  <a:pt x="0" y="109262"/>
                </a:lnTo>
                <a:lnTo>
                  <a:pt x="0" y="1387348"/>
                </a:lnTo>
                <a:lnTo>
                  <a:pt x="103344" y="138734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" name="OTLSHAPE_D_a42c782c206649bdbbc25397deac79c8_Line">
            <a:extLst>
              <a:ext uri="{FF2B5EF4-FFF2-40B4-BE49-F238E27FC236}">
                <a16:creationId xmlns:a16="http://schemas.microsoft.com/office/drawing/2014/main" id="{B18733BA-7DA4-4F7D-E72B-8EFB466FDAE0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4067723" y="3862282"/>
            <a:ext cx="4829743" cy="1168824"/>
          </a:xfrm>
          <a:custGeom>
            <a:avLst/>
            <a:gdLst/>
            <a:ahLst/>
            <a:cxnLst/>
            <a:rect l="0" t="0" r="0" b="0"/>
            <a:pathLst>
              <a:path w="4829743" h="1168824">
                <a:moveTo>
                  <a:pt x="0" y="0"/>
                </a:moveTo>
                <a:lnTo>
                  <a:pt x="4726398" y="0"/>
                </a:lnTo>
                <a:lnTo>
                  <a:pt x="4726398" y="1168823"/>
                </a:lnTo>
                <a:lnTo>
                  <a:pt x="4829742" y="116882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" name="OTLSHAPE_D_79a06bb04190429eb9d7a1d5007bf654_Line">
            <a:extLst>
              <a:ext uri="{FF2B5EF4-FFF2-40B4-BE49-F238E27FC236}">
                <a16:creationId xmlns:a16="http://schemas.microsoft.com/office/drawing/2014/main" id="{10365522-53A0-0E1A-425A-B9499CBD089C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8150165" y="3413845"/>
            <a:ext cx="160421" cy="1835786"/>
          </a:xfrm>
          <a:custGeom>
            <a:avLst/>
            <a:gdLst/>
            <a:ahLst/>
            <a:cxnLst/>
            <a:rect l="0" t="0" r="0" b="0"/>
            <a:pathLst>
              <a:path w="160421" h="1835786">
                <a:moveTo>
                  <a:pt x="103270" y="0"/>
                </a:moveTo>
                <a:lnTo>
                  <a:pt x="160420" y="0"/>
                </a:lnTo>
                <a:lnTo>
                  <a:pt x="160420" y="120650"/>
                </a:lnTo>
                <a:lnTo>
                  <a:pt x="0" y="120650"/>
                </a:lnTo>
                <a:lnTo>
                  <a:pt x="0" y="1835785"/>
                </a:lnTo>
                <a:lnTo>
                  <a:pt x="103344" y="1835785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D_f26949b431c54f958878831b042b71c3_Line">
            <a:extLst>
              <a:ext uri="{FF2B5EF4-FFF2-40B4-BE49-F238E27FC236}">
                <a16:creationId xmlns:a16="http://schemas.microsoft.com/office/drawing/2014/main" id="{06DF2BCE-BD4E-BB07-4292-39C92020DA5B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4067723" y="3862282"/>
            <a:ext cx="1180661" cy="1923373"/>
          </a:xfrm>
          <a:custGeom>
            <a:avLst/>
            <a:gdLst/>
            <a:ahLst/>
            <a:cxnLst/>
            <a:rect l="0" t="0" r="0" b="0"/>
            <a:pathLst>
              <a:path w="1180661" h="1923373">
                <a:moveTo>
                  <a:pt x="0" y="0"/>
                </a:moveTo>
                <a:lnTo>
                  <a:pt x="1077316" y="0"/>
                </a:lnTo>
                <a:lnTo>
                  <a:pt x="1077316" y="1923372"/>
                </a:lnTo>
                <a:lnTo>
                  <a:pt x="1180660" y="1923372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" name="OTLSHAPE_D_73b733471c3446bab056d0d78425b7b4_Line">
            <a:extLst>
              <a:ext uri="{FF2B5EF4-FFF2-40B4-BE49-F238E27FC236}">
                <a16:creationId xmlns:a16="http://schemas.microsoft.com/office/drawing/2014/main" id="{AFEAFC28-2FAA-9A2F-2EFC-4C395ACCBD7A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4819004" y="4157006"/>
            <a:ext cx="429380" cy="1628649"/>
          </a:xfrm>
          <a:custGeom>
            <a:avLst/>
            <a:gdLst/>
            <a:ahLst/>
            <a:cxnLst/>
            <a:rect l="0" t="0" r="0" b="0"/>
            <a:pathLst>
              <a:path w="429380" h="1628649">
                <a:moveTo>
                  <a:pt x="0" y="0"/>
                </a:moveTo>
                <a:lnTo>
                  <a:pt x="326035" y="0"/>
                </a:lnTo>
                <a:lnTo>
                  <a:pt x="326035" y="1628648"/>
                </a:lnTo>
                <a:lnTo>
                  <a:pt x="429379" y="162864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" name="OTLSHAPE_D_e24578f3fd6944259410bcf9a9e11574_Line">
            <a:extLst>
              <a:ext uri="{FF2B5EF4-FFF2-40B4-BE49-F238E27FC236}">
                <a16:creationId xmlns:a16="http://schemas.microsoft.com/office/drawing/2014/main" id="{4705875A-462D-0C83-7328-8AFC24171EFC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5140982" y="4375531"/>
            <a:ext cx="107402" cy="1410124"/>
          </a:xfrm>
          <a:custGeom>
            <a:avLst/>
            <a:gdLst/>
            <a:ahLst/>
            <a:cxnLst/>
            <a:rect l="0" t="0" r="0" b="0"/>
            <a:pathLst>
              <a:path w="107402" h="1410124">
                <a:moveTo>
                  <a:pt x="0" y="0"/>
                </a:moveTo>
                <a:lnTo>
                  <a:pt x="57150" y="0"/>
                </a:lnTo>
                <a:lnTo>
                  <a:pt x="57150" y="109262"/>
                </a:lnTo>
                <a:lnTo>
                  <a:pt x="4057" y="109262"/>
                </a:lnTo>
                <a:lnTo>
                  <a:pt x="4057" y="1410123"/>
                </a:lnTo>
                <a:lnTo>
                  <a:pt x="107401" y="141012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" name="OTLSHAPE_D_8a02753a7f5a441aa1fe2699a8f3a8d6_Line">
            <a:extLst>
              <a:ext uri="{FF2B5EF4-FFF2-40B4-BE49-F238E27FC236}">
                <a16:creationId xmlns:a16="http://schemas.microsoft.com/office/drawing/2014/main" id="{9E66B102-DD35-A3A3-54AD-61EE466FC5FF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8897390" y="3643757"/>
            <a:ext cx="107402" cy="2578948"/>
          </a:xfrm>
          <a:custGeom>
            <a:avLst/>
            <a:gdLst/>
            <a:ahLst/>
            <a:cxnLst/>
            <a:rect l="0" t="0" r="0" b="0"/>
            <a:pathLst>
              <a:path w="107402" h="2578948">
                <a:moveTo>
                  <a:pt x="0" y="0"/>
                </a:moveTo>
                <a:lnTo>
                  <a:pt x="57150" y="0"/>
                </a:lnTo>
                <a:lnTo>
                  <a:pt x="57150" y="109262"/>
                </a:lnTo>
                <a:lnTo>
                  <a:pt x="4057" y="109262"/>
                </a:lnTo>
                <a:lnTo>
                  <a:pt x="4057" y="2578947"/>
                </a:lnTo>
                <a:lnTo>
                  <a:pt x="107401" y="2578947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" name="OTLSHAPE_D_1b8adcbf096f4b5d8778ec3de34b6b17_Line">
            <a:extLst>
              <a:ext uri="{FF2B5EF4-FFF2-40B4-BE49-F238E27FC236}">
                <a16:creationId xmlns:a16="http://schemas.microsoft.com/office/drawing/2014/main" id="{29FE784A-020B-FD38-2C99-EB60ED370796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8901447" y="4812580"/>
            <a:ext cx="160420" cy="1191600"/>
          </a:xfrm>
          <a:custGeom>
            <a:avLst/>
            <a:gdLst/>
            <a:ahLst/>
            <a:cxnLst/>
            <a:rect l="0" t="0" r="0" b="0"/>
            <a:pathLst>
              <a:path w="160420" h="1191600">
                <a:moveTo>
                  <a:pt x="103269" y="0"/>
                </a:moveTo>
                <a:lnTo>
                  <a:pt x="160419" y="0"/>
                </a:lnTo>
                <a:lnTo>
                  <a:pt x="160419" y="109263"/>
                </a:lnTo>
                <a:lnTo>
                  <a:pt x="0" y="109263"/>
                </a:lnTo>
                <a:lnTo>
                  <a:pt x="0" y="1191599"/>
                </a:lnTo>
                <a:lnTo>
                  <a:pt x="103344" y="119159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" name="OTLSHAPE_D_d98b700545b54005af61e79e557ee17d_Line">
            <a:extLst>
              <a:ext uri="{FF2B5EF4-FFF2-40B4-BE49-F238E27FC236}">
                <a16:creationId xmlns:a16="http://schemas.microsoft.com/office/drawing/2014/main" id="{143D48BD-2282-8EB0-7806-CFD653C56B4E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11151236" y="6222704"/>
            <a:ext cx="57151" cy="141013"/>
          </a:xfrm>
          <a:custGeom>
            <a:avLst/>
            <a:gdLst/>
            <a:ahLst/>
            <a:cxnLst/>
            <a:rect l="0" t="0" r="0" b="0"/>
            <a:pathLst>
              <a:path w="57151" h="141013">
                <a:moveTo>
                  <a:pt x="0" y="0"/>
                </a:moveTo>
                <a:lnTo>
                  <a:pt x="57150" y="0"/>
                </a:lnTo>
                <a:lnTo>
                  <a:pt x="57150" y="109262"/>
                </a:lnTo>
                <a:lnTo>
                  <a:pt x="74" y="109262"/>
                </a:lnTo>
                <a:lnTo>
                  <a:pt x="74" y="85580"/>
                </a:lnTo>
                <a:lnTo>
                  <a:pt x="74" y="141012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4" name="OTLSHAPE_D_84d09c7624ea4046925bf01a29f25dba_Line">
            <a:extLst>
              <a:ext uri="{FF2B5EF4-FFF2-40B4-BE49-F238E27FC236}">
                <a16:creationId xmlns:a16="http://schemas.microsoft.com/office/drawing/2014/main" id="{F96C16D5-97C9-4DED-2184-C0577C9C6EBE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11151236" y="6004179"/>
            <a:ext cx="57151" cy="359538"/>
          </a:xfrm>
          <a:custGeom>
            <a:avLst/>
            <a:gdLst/>
            <a:ahLst/>
            <a:cxnLst/>
            <a:rect l="0" t="0" r="0" b="0"/>
            <a:pathLst>
              <a:path w="57151" h="359538">
                <a:moveTo>
                  <a:pt x="0" y="0"/>
                </a:moveTo>
                <a:lnTo>
                  <a:pt x="57150" y="0"/>
                </a:lnTo>
                <a:lnTo>
                  <a:pt x="57150" y="109262"/>
                </a:lnTo>
                <a:lnTo>
                  <a:pt x="74" y="109262"/>
                </a:lnTo>
                <a:lnTo>
                  <a:pt x="74" y="359537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8" name="TextBox 537">
            <a:extLst>
              <a:ext uri="{FF2B5EF4-FFF2-40B4-BE49-F238E27FC236}">
                <a16:creationId xmlns:a16="http://schemas.microsoft.com/office/drawing/2014/main" id="{754B8530-3961-6F9A-AC82-7611E3D826B9}"/>
              </a:ext>
            </a:extLst>
          </p:cNvPr>
          <p:cNvSpPr txBox="1"/>
          <p:nvPr/>
        </p:nvSpPr>
        <p:spPr>
          <a:xfrm rot="16200000">
            <a:off x="8372307" y="3144021"/>
            <a:ext cx="653012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Project management critical path template</a:t>
            </a:r>
          </a:p>
        </p:txBody>
      </p:sp>
      <p:graphicFrame>
        <p:nvGraphicFramePr>
          <p:cNvPr id="539" name="Table 300">
            <a:extLst>
              <a:ext uri="{FF2B5EF4-FFF2-40B4-BE49-F238E27FC236}">
                <a16:creationId xmlns:a16="http://schemas.microsoft.com/office/drawing/2014/main" id="{6F900F9A-EDE9-E951-A3F9-ED9B000F27C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79449153"/>
              </p:ext>
            </p:extLst>
          </p:nvPr>
        </p:nvGraphicFramePr>
        <p:xfrm>
          <a:off x="10514631" y="1109147"/>
          <a:ext cx="726971" cy="806139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726971">
                  <a:extLst>
                    <a:ext uri="{9D8B030D-6E8A-4147-A177-3AD203B41FA5}">
                      <a16:colId xmlns:a16="http://schemas.microsoft.com/office/drawing/2014/main" val="3764175126"/>
                    </a:ext>
                  </a:extLst>
                </a:gridCol>
              </a:tblGrid>
              <a:tr h="268713">
                <a:tc>
                  <a:txBody>
                    <a:bodyPr/>
                    <a:lstStyle/>
                    <a:p>
                      <a:r>
                        <a:rPr lang="en-US" sz="1000" dirty="0">
                          <a:latin typeface="+mn-lt"/>
                          <a:cs typeface="Arial" panose="020B0604020202020204" pitchFamily="34" charset="0"/>
                        </a:rPr>
                        <a:t>Critica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10106228"/>
                  </a:ext>
                </a:extLst>
              </a:tr>
              <a:tr h="268713">
                <a:tc>
                  <a:txBody>
                    <a:bodyPr/>
                    <a:lstStyle/>
                    <a:p>
                      <a:r>
                        <a:rPr lang="en-US" sz="1000" dirty="0">
                          <a:latin typeface="+mn-lt"/>
                          <a:cs typeface="Arial" panose="020B0604020202020204" pitchFamily="34" charset="0"/>
                        </a:rPr>
                        <a:t>Flexibl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4790217"/>
                  </a:ext>
                </a:extLst>
              </a:tr>
              <a:tr h="268713">
                <a:tc>
                  <a:txBody>
                    <a:bodyPr/>
                    <a:lstStyle/>
                    <a:p>
                      <a:r>
                        <a:rPr lang="en-US" sz="1000" dirty="0">
                          <a:latin typeface="+mn-lt"/>
                          <a:cs typeface="Arial" panose="020B0604020202020204" pitchFamily="34" charset="0"/>
                        </a:rPr>
                        <a:t>Ev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85601616"/>
                  </a:ext>
                </a:extLst>
              </a:tr>
            </a:tbl>
          </a:graphicData>
        </a:graphic>
      </p:graphicFrame>
      <p:grpSp>
        <p:nvGrpSpPr>
          <p:cNvPr id="540" name="Group 539">
            <a:extLst>
              <a:ext uri="{FF2B5EF4-FFF2-40B4-BE49-F238E27FC236}">
                <a16:creationId xmlns:a16="http://schemas.microsoft.com/office/drawing/2014/main" id="{31F0518D-A3E9-FD88-F7C8-E9A6B8DCC731}"/>
              </a:ext>
            </a:extLst>
          </p:cNvPr>
          <p:cNvGrpSpPr/>
          <p:nvPr/>
        </p:nvGrpSpPr>
        <p:grpSpPr>
          <a:xfrm>
            <a:off x="10316610" y="1182560"/>
            <a:ext cx="201753" cy="677798"/>
            <a:chOff x="9820275" y="2315083"/>
            <a:chExt cx="201753" cy="677798"/>
          </a:xfrm>
        </p:grpSpPr>
        <p:sp>
          <p:nvSpPr>
            <p:cNvPr id="541" name="Rectangle 540">
              <a:extLst>
                <a:ext uri="{FF2B5EF4-FFF2-40B4-BE49-F238E27FC236}">
                  <a16:creationId xmlns:a16="http://schemas.microsoft.com/office/drawing/2014/main" id="{15650FD4-38F3-C4EF-24B9-6D6733A2BC3D}"/>
                </a:ext>
              </a:extLst>
            </p:cNvPr>
            <p:cNvSpPr/>
            <p:nvPr/>
          </p:nvSpPr>
          <p:spPr>
            <a:xfrm>
              <a:off x="9820275" y="2315083"/>
              <a:ext cx="201753" cy="136525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42" name="Rectangle 541">
              <a:extLst>
                <a:ext uri="{FF2B5EF4-FFF2-40B4-BE49-F238E27FC236}">
                  <a16:creationId xmlns:a16="http://schemas.microsoft.com/office/drawing/2014/main" id="{88DED8C1-BDEC-3C56-1EB9-65AF9D31C9C5}"/>
                </a:ext>
              </a:extLst>
            </p:cNvPr>
            <p:cNvSpPr/>
            <p:nvPr/>
          </p:nvSpPr>
          <p:spPr>
            <a:xfrm>
              <a:off x="9820275" y="2572512"/>
              <a:ext cx="201753" cy="136525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43" name="Diamond 542">
              <a:extLst>
                <a:ext uri="{FF2B5EF4-FFF2-40B4-BE49-F238E27FC236}">
                  <a16:creationId xmlns:a16="http://schemas.microsoft.com/office/drawing/2014/main" id="{4D520BD4-C9FD-38E9-52C9-980CA8020805}"/>
                </a:ext>
              </a:extLst>
            </p:cNvPr>
            <p:cNvSpPr/>
            <p:nvPr/>
          </p:nvSpPr>
          <p:spPr>
            <a:xfrm>
              <a:off x="9829711" y="2810001"/>
              <a:ext cx="182880" cy="182880"/>
            </a:xfrm>
            <a:prstGeom prst="diamond">
              <a:avLst/>
            </a:prstGeom>
            <a:solidFill>
              <a:srgbClr val="2F3699"/>
            </a:solidFill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544" name="Picture 543" descr="Icon&#10;&#10;Description automatically generated">
            <a:extLst>
              <a:ext uri="{FF2B5EF4-FFF2-40B4-BE49-F238E27FC236}">
                <a16:creationId xmlns:a16="http://schemas.microsoft.com/office/drawing/2014/main" id="{D4A6BE91-98C3-B0E9-E6BA-A1385A6C11D8}"/>
              </a:ext>
            </a:extLst>
          </p:cNvPr>
          <p:cNvPicPr>
            <a:picLocks noChangeAspect="1"/>
          </p:cNvPicPr>
          <p:nvPr/>
        </p:nvPicPr>
        <p:blipFill>
          <a:blip r:embed="rId14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57004" y="627354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38914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OTQsIkciOjk0LCJCIjo5N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A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NS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1NSwiRyI6MTkyLCJCIjowfX0sIklzVmlzaWJsZSI6dHJ1ZSwiV2lkdGgiOjAuMCwiSGVpZ2h0IjoxMC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wLCJGb250TmFtZSI6IkNhbGlicmkiLCJJc0JvbGQiOnRydWUsIklzSXRhbGljIjpmYWxzZSwiSXNVbmRlcmxpbmVkIjpmYWxzZSwiUGFyZW50U3R5bGUiOm51bGx9LCJBdXRvU2l6ZSI6MiwiRm9yZWdyb3VuZCI6eyIkaWQiOiI0MiIsIkNvbG9yIjp7IiRpZCI6IjQzIiwiQSI6MjU1LCJSIjoxNzgsIkciOjE0LCJCIjoxOH19LCJNYXhXaWR0aCI6MTk4LjI0MDQ3ODUxNTYyNS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ksIkZvbnROYW1lIjoiQ2FsaWJyaSIsIklzQm9sZCI6ZmFsc2UsIklzSXRhbGljIjpmYWxzZSwiSXNVbmRlcmxpbmVkIjpmYWxzZSwiUGFyZW50U3R5bGUiOm51bGx9LCJBdXRvU2l6ZSI6MiwiRm9yZWdyb3VuZCI6eyIkaWQiOiI1MSIsIkNvbG9yIjp7IiRpZCI6IjUyIiwiQSI6MjU1LCJSIjo2OCwiRyI6ODQsIkIiOjEwNn19LCJNYXhXaWR0aCI6MTIxLjkxMzg1NjUwNjM0NzY2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I1NSwiRyI6MjU1LCJCIjoyNTV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4OSwiUiI6MCwiRyI6MCwiQiI6MH19LCJJc1Zpc2libGUiOnRydWUsIldpZHRoIjowLjAsIkhlaWdodCI6MC4wLCJCb3JkZXJTdHlsZSI6eyIkaWQiOiI3NSIsIkxpbmVDb2xvciI6bnVsbCwiTGluZVdlaWdodCI6MC4wLCJMaW5lVHlwZSI6MCwiUGFyZW50U3R5bGUiOm51bGx9LCJQYXJlbnRTdHlsZSI6bnVsbH0sIkR1cmF0aW9u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wLCJSIjoyNTUsIkciOjI1NSwiQiI6MjU1fX0sIklzVmlzaWJsZSI6dHJ1ZSwiV2lkdGgiOjAuMCwiSGVpZ2h0IjowLjAsIkJvcmRlclN0eWxlIjp7IiRpZCI6Ijg0IiwiTGluZUNvbG9yIjpudWxsLCJMaW5lV2VpZ2h0IjowLjAsIkxpbmVUeXBlIjowLCJQYXJlbnRTdHlsZSI6bnVsbH0sIlBhcmVudFN0eWxlIjpudWxsfSwiSG9yaXpvbnRhbENvbm5lY3RvclN0eWxlIjp7IiRpZCI6Ijg1IiwiTGluZUNvbG9yIjp7IiRyZWYiOiIyNyJ9LCJMaW5lV2VpZ2h0IjowLjAsIkxpbmVUeXBlIjowLCJQYXJlbnRTdHlsZSI6bnVsbH0sIlZlcnRpY2FsQ29ubmVjdG9yU3R5bGUiOnsiJGlkIjoiODYiLCJMaW5lQ29sb3IiOnsiJHJlZiI6IjMwIn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7IiRpZCI6IjEzNiIsIkxpbmVDb2xvciI6bnVsbCwiTGluZVdlaWdodCI6MC4wLCJMaW5lVHlwZSI6MCwiUGFyZW50U3R5bGUiOm51bGx9LCJQYXJlbnRTdHlsZSI6bnVsbH0sIkhvcml6b250YWxDb25uZWN0b3JTdHlsZSI6eyIkaWQiOiIxMzciLCJMaW5lQ29sb3IiOnsiJHJlZiI6IjI3In0sIkxpbmVXZWlnaHQiOjAuMCwiTGluZVR5cGUiOjAsIlBhcmVudFN0eWxlIjpudWxsfSwiVmVydGljYWxDb25uZWN0b3JTdHlsZSI6eyIkaWQiOiIxMzgiLCJMaW5lQ29sb3IiOnsiJHJlZiI6IjMwIn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I1NSwiUiI6NDcsIkciOjU0LCJCIjoxNTN9fSwiSXNWaXNpYmxlIjp0cnVlLCJXaWR0aCI6MTIuMCwiSGVpZ2h0IjoxN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UaXRsZVN0eWxlIjp7IiRpZCI6IjE3NyIsIkZvbnRTZXR0aW5ncyI6eyIkaWQiOiIxNzgiLCJGb250U2l6ZSI6MTAsIkZvbnROYW1lIjoiQ2FsaWJyaSIsIklzQm9sZCI6dHJ1ZSwiSXNJdGFsaWMiOmZhbHNlLCJJc1VuZGVybGluZWQiOmZhbHNlLCJQYXJlbnRTdHlsZSI6bnVsbH0sIkF1dG9TaXplIjowLCJGb3JlZ3JvdW5kIjp7IiRpZCI6IjE3OSIsIkNvbG9yIjp7IiRpZCI6IjE4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4OSIsIlRvcCI6MC4wLCJMZWZ0IjowLjAsIlJpZ2h0IjowLjAsIkJvdHRvbSI6MC4wfSwiUGFkZGluZyI6eyIkaWQiOiIxOTAiLCJUb3AiOjAuMCwiTGVmdCI6MC4wLCJSaWdodCI6MC4wLCJCb3R0b20iOjAuMH0sIkJhY2tncm91bmQiOnsiJGlkIjoiMTkxIiwiQ29sb3IiOnsiJGlkIjoiMTkyIiwiQSI6MCwiUiI6MjU1LCJHIjoyNTUsIkIiOjI1NX19LCJJc1Zpc2libGUiOmZhbHNlLCJXaWR0aCI6MC4wLCJIZWlnaHQiOjAuMCwiQm9yZGVyU3R5bGUiOm51bGw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5LCJGb250TmFtZSI6IkNhbGlicmkiLCJJc0JvbGQiOmZhbHNlLCJJc0l0YWxpYyI6ZmFsc2UsIklzVW5kZXJsaW5lZCI6ZmFsc2UsIlBhcmVudFN0eWxlIjpudWxsfSwiQXV0b1NpemUiOjIsIkZvcmVncm91bmQiOnsiJGlkIjoiMjM3IiwiQ29sb3IiOnsiJGlkIjoiMjM4IiwiQSI6MjU1LCJSIjo2OCwiRyI6ODQsIkIiOjEwNn19LCJNYXhXaWR0aCI6ODEuNDkxNDI4NTcxNDI4NTU3LCJNYXhIZWlnaHQiOiJJbmZpbml0eSIsIlNtYXJ0Rm9yZWdyb3VuZElzQWN0aXZlIjpmYWxzZSwiSG9yaXpvbnRhbEFsaWdubWVudCI6MC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eyIkaWQiOiIyNDEiLCJDb2xvciI6eyIkaWQiOiIyNDIiLCJBIjowLCJSIjoyNTUsIkciOjI1NSwiQiI6MjU1fX0sIklzVmlzaWJsZSI6dHJ1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wLCJSIjoyNTUsIkciOjI1NSwiQiI6MjU1fX0sIklzVmlzaWJsZSI6dHJ1ZSwiV2lkdGgiOjAuMCwiSGVpZ2h0IjowLjAsIkJvcmRlclN0eWxlIjp7IiRpZCI6IjI2OSIsIkxpbmVDb2xvciI6bnVsbCwiTGluZVdlaWdodCI6MC4wLCJMaW5lVHlwZSI6MCwiUGFyZW50U3R5bGUiOm51bGx9LCJQYXJlbnRTdHlsZSI6bnVsbH0sIkhvcml6b250YWxDb25uZWN0b3JTdHlsZSI6eyIkaWQiOiIyNzAiLCJMaW5lQ29sb3IiOnsiJHJlZiI6IjI3In0sIkxpbmVXZWlnaHQiOjAuMCwiTGluZVR5cGUiOjAsIlBhcmVudFN0eWxlIjpudWxsfSwiVmVydGljYWxDb25uZWN0b3JTdHlsZSI6eyIkaWQiOiIyNzEiLCJMaW5lQ29sb3IiOnsiJHJlZiI6IjMwIn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Gb3JtYXQiOnsiJGlkIjoiMjk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OS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1IiwiVG9wIjowLjAsIkxlZnQiOjAuMCwiUmlnaHQiOjAuMCwiQm90dG9tIjowLjB9LCJQYWRkaW5nIjp7IiRpZCI6IjM0NiIsIlRvcCI6MC4wLCJMZWZ0IjowLjAsIlJpZ2h0IjowLjAsIkJvdHRvbSI6MC4wfSwiQmFja2dyb3VuZCI6eyIkaWQiOiIzNDciLCJDb2xvciI6eyIkaWQiOiIzNDgiLCJBIjowLCJSIjoyNTUsIkciOjI1NSwiQiI6MjU1fX0sIklzVmlzaWJsZSI6dHJ1ZSwiV2lkdGgiOjAuMCwiSGVpZ2h0IjowLjAsIkJvcmRlclN0eWxlIjp7IiRpZCI6IjM0OSIsIkxpbmVDb2xvciI6bnVsbCwiTGluZVdlaWdodCI6MC4wLCJMaW5lVHlwZSI6MCwiUGFyZW50U3R5bGUiOm51bGx9LCJQYXJlbnRTdHlsZSI6bnVsbH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5LCJGb250TmFtZSI6IkNhbGlicmkiLCJJc0JvbGQiOmZhbHNlLCJJc0l0YWxpYyI6ZmFsc2UsIklzVW5kZXJsaW5lZCI6ZmFsc2UsIlBhcmVudFN0eWxlIjpudWxsfSwiQXV0b1NpemUiOjAsIkZvcmVncm91bmQiOnsiJGlkIjoiNDg2IiwiQ29sb3IiOnsiJGlkIjoiND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MxNyJ9LCJQYWRkaW5nIjp7IiRyZWYiOiIzMTgi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hvcml6b250YWxDb25uZWN0b3JTdHlsZSI6eyIkaWQiOiI3MDUiLCJMaW5lQ29sb3IiOnsiJHJlZiI6IjI3In0sIkxpbmVXZWlnaHQiOjAuMCwiTGluZVR5cGUiOjAsIlBhcmVudFN0eWxlIjpudWxsfSwiVmVydGljYWxDb25uZWN0b3JTdHlsZSI6eyIkaWQiOiI3MDYiLCJMaW5lQ29sb3IiOnsiJHJlZiI6IjMwIn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OSwiRm9udE5hbWUiOiJDYWxpYnJpIiwiSXNCb2xkIjpmYWxzZSwiSXNJdGFsaWMiOmZhbHNlLCJJc1VuZGVybGluZWQiOmZhbHNlLCJQYXJlbnRTdHlsZSI6bnVsbH0sIkF1dG9TaXplIjowLCJGb3JlZ3JvdW5kIjp7IiRpZCI6IjcyMCIsIkNvbG9yIjp7IiRpZCI6Ijc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MwOCJ9LCJQYWRkaW5nIjp7IiRyZWYiOiIzMDkifSwiQmFja2dyb3VuZCI6eyIkaWQiOiI3MzYiLCJDb2xvciI6eyIkcmVmIjoiMzYzIn19LCJJc1Zpc2libGUiOnRydWUsIldpZHRoIjowLjAsIkhlaWdodCI6MC4wLCJCb3JkZXJTdHlsZSI6eyIkaWQiOiI3MzciLCJMaW5lQ29sb3IiOm51bGwsIkxpbmVXZWlnaHQiOjAuMCwiTGluZVR5cGUiOjAsIlBhcmVudFN0eWxlIjpudWxsfSwiUGFyZW50U3R5bGUiOm51bGx9LCJEdXJhdGlvbl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NSJ9LCJQYWRkaW5nIjp7IiRyZWYiOiIzNDYifSwiQmFja2dyb3VuZCI6eyIkaWQiOiI4MDUiLCJDb2xvciI6eyIkaWQiOiI4MDYiLCJBIjowLCJSIjoyNTUsIkciOjI1NSwiQiI6MjU1fX0sIklzVmlzaWJsZSI6dHJ1ZSwiV2lkdGgiOjAuMCwiSGVpZ2h0IjowLjAsIkJvcmRlclN0eWxlIjp7IiRpZCI6IjgwNyIsIkxpbmVDb2xvciI6bnVsbCwiTGluZVdlaWdodCI6MC4wLCJMaW5lVHlwZSI6MCwiUGFyZW50U3R5bGUiOm51bGx9LCJQYXJlbnRTdHlsZSI6bnVsbH0sIkRhdGVGb3JtYXQiOnsiJGlkIjoiODA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1In0sIlBhZGRpbmciOnsiJHJlZiI6IjM0NiJ9LCJCYWNrZ3JvdW5kIjp7IiRpZCI6IjkyNiIsIkNvbG9yIjp7IiRpZCI6IjkyNyIsIkEiOjAsIlIiOjI1NSwiRyI6MjU1LCJCIjoyNTV9fSwiSXNWaXNpYmxlIjp0cnVlLCJXaWR0aCI6MC4wLCJIZWlnaHQiOjAuMCwiQm9yZGVyU3R5bGUiOnsiJGlkIjoiOTI4IiwiTGluZUNvbG9yIjpudWxsLCJMaW5lV2VpZ2h0IjowLjAsIkxpbmVUeXBlIjowLCJQYXJlbnRTdHlsZSI6bnVsbH0sIlBhcmVudFN0eWxlIjpudWxsfSwiRGF0ZUZvcm1hdCI6eyIkaWQiOiI5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MxNyJ9LCJQYWRkaW5nIjp7IiRyZWYiOiIzMTgi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hvcml6b250YWxDb25uZWN0b3JTdHlsZSI6eyIkaWQiOiI5NTEiLCJMaW5lQ29sb3IiOnsiJHJlZiI6IjI3In0sIkxpbmVXZWlnaHQiOjAuMCwiTGluZVR5cGUiOjAsIlBhcmVudFN0eWxlIjpudWxsfSwiVmVydGljYWxDb25uZWN0b3JTdHlsZSI6eyIkaWQiOiI5NTIiLCJMaW5lQ29sb3IiOnsiJHJlZiI6IjMwIn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OSJ9LCJQYWRkaW5nIjp7IiRyZWYiOiIxOTAifSwiQmFja2dyb3VuZCI6eyIkaWQiOiIxMDg0IiwiQ29sb3IiOnsiJGlkIjoiMTA4NSIsIkEiOjAsIlIiOjI1NSwiRyI6MjU1LCJCIjoyNTV9fSwiSXNWaXNpYmxlIjpmYWxzZSwiV2lkdGgiOjAuMCwiSGVpZ2h0IjowLjAsIkJvcmRlclN0eWxlIjpudWxsLCJQYXJlbnRTdHlsZSI6bnVsbH0sIkRhdGVGb3JtYXQiOnsiJHJlZiI6IjE5MyJ9LCJXZWVrTnVtYmVyaW5nIjp7IiRpZCI6IjEwODY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NSJ9LCJQYWRkaW5nIjp7IiRyZWYiOiIzNDYifSwiQmFja2dyb3VuZCI6eyIkaWQiOiIxMTY0IiwiQ29sb3IiOnsiJGlkIjoiMTE2NSIsIkEiOjAsIlIiOjI1NSwiRyI6MjU1LCJCIjoyNTV9fSwiSXNWaXNpYmxlIjp0cnVlLCJXaWR0aCI6MC4wLCJIZWlnaHQiOjAuMCwiQm9yZGVyU3R5bGUiOnsiJGlkIjoiMTE2NiIsIkxpbmVDb2xvciI6bnVsbCwiTGluZVdlaWdodCI6MC4wLCJMaW5lVHlwZSI6MCwiUGFyZW50U3R5bGUiOm51bGx9LCJQYXJlbnRTdHlsZSI6bnVsbH0sIkRhdGVGb3JtYXQiOnsiJGlkIjoiMTE2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OSJ9LCJQYWRkaW5nIjp7IiRyZWYiOiIxOTAifSwiQmFja2dyb3VuZCI6eyIkaWQiOiIxMjY4IiwiQ29sb3IiOnsiJGlkIjoiMTI2OSIsIkEiOjAsIlIiOjI1NSwiRyI6MjU1LCJCIjoyNTV9fSwiSXNWaXNpYmxlIjpmYWxzZSwiV2lkdGgiOjAuMCwiSGVpZ2h0IjowLjAsIkJvcmRlclN0eWxlIjpudWxsLCJQYXJlbnRTdHlsZSI6bnVsbH0sIkRhdGVGb3JtYXQiOnsiJGlkIjoiMTI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zEiLCJEYXRlUGFydElzVmlzaWJsZSI6ZmFsc2UsIlRpbWVQYXJ0SXNWaXNpYmxlIjpmYWxzZX19LCJXZWVrTnVtYmVyaW5nIjp7IiRpZCI6IjEyNzI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jQsIklkIjoiZjY2ZTAwZTgtNjk2YS00MGY5LWI0NDEtN2EzNTQzZWQyZDdhIiwiSGVhZGVyVGV4dCI6bnVsbCwiSXNEZWZhdWx0Ijp0cnVlLCJTdHlsZSI6eyIkaWQiOiIxMjczIiwiSGVhZGVyU3R5bGUiOnsiJGlkIjoiMTI3NCIsIlRleHRTdHlsZSI6eyIkaWQiOiIxMjc1IiwiRm9udFNldHRpbmdzIjp7IiRpZCI6IjEyNzYiLCJGb250U2l6ZSI6MTEsIkZvbnROYW1lIjoiQ2FsaWJyaSIsIklzQm9sZCI6ZmFsc2UsIklzSXRhbGljIjpmYWxzZSwiSXNVbmRlcmxpbmVkIjpmYWxzZSwiUGFyZW50U3R5bGUiOm51bGx9LCJBdXRvU2l6ZSI6MiwiRm9yZWdyb3VuZCI6eyIkaWQiOiIxMjc3IiwiQ29sb3IiOnsiJGlkIjoiMTI3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MTQ0NSIsIkNvbG9yIjp7IiRpZCI6IjE0NDYiLCJBIjo4OSwiUiI6MCwiRyI6MCwiQiI6MH19LCJJc1Zpc2libGUiOnRydWUsIldpZHRoIjowLjAsIkhlaWdodCI6MC4wLCJCb3JkZXJTdHlsZSI6bnVsbCwiUGFyZW50U3R5bGUiOm51bGx9LCJEYXRlU3R5bGUiOnsiJGlkIjoiMTQ0NyIsIkZvbnRTZXR0aW5ncyI6eyIkaWQiOiIxNDQ4IiwiRm9udFNpemUiOjksIkZvbnROYW1lIjoiQ2FsaWJyaSIsIklzQm9sZCI6ZmFsc2UsIklzSXRhbGljIjpmYWxzZSwiSXNVbmRlcmxpbmVkIjpmYWxzZSwiUGFyZW50U3R5bGUiOm51bGx9LCJBdXRvU2l6ZSI6MCwiRm9yZWdyb3VuZCI6eyIkaWQiOiIxNDQ5IiwiQ29sb3IiOnsiJGlkIjoiMTQ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4OSJ9LCJQYWRkaW5nIjp7IiRyZWYiOiIxOTAifSwiQmFja2dyb3VuZCI6eyIkaWQiOiIxNDUxIiwiQ29sb3IiOnsiJGlkIjoiMTQ1MiIsIkEiOjg5LCJSIjowLCJHIjowLCJCIjowfX0sIklzVmlzaWJsZSI6dHJ1ZSwiV2lkdGgiOjAuMCwiSGVpZ2h0IjowLjAsIkJvcmRlclN0eWxlIjpudWxsLCJQYXJlbnRTdHlsZSI6bnVsbH0sIkRhdGVGb3JtYXQiOnsiJGlkIjoiMTQ1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Q1In0sIlBhZGRpbmciOnsiJHJlZiI6IjM0NiJ9LCJCYWNrZ3JvdW5kIjp7IiRpZCI6IjE0ODMiLCJDb2xvciI6eyIkaWQiOiIxNDg0IiwiQSI6ODksIlIiOjAsIkciOjAsIkIiOjB9fSwiSXNWaXNpYmxlIjp0cnVlLCJXaWR0aCI6MC4wLCJIZWlnaHQiOjAuMCwiQm9yZGVyU3R5bGUiOm51bGwsIlBhcmVudFN0eWxlIjpudWxsfSwiRGF0ZUZvcm1hdCI6eyIkaWQiOiIxNDg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4NiIsIkRhdGVQYXJ0SXNWaXNpYmxlIjpmYWxzZSwiVGltZVBhcnRJc1Zpc2libGUiOmZhbHNlfX0sIldlZWtOdW1iZXJpbmciOnsiJGlkIjoiMTQ4NyIsIkZvcm1hdCI6MCwiSXNWaXNpYmxlIjpmYWxzZSwiTGFzdEtub3duVmlzaWJpbGl0eVN0YXRlIjpmYWxzZX0sIklzVmlzaWJsZSI6dHJ1ZSwiUGFyZW50U3R5bGUiOm51bGwsIl9leHBsaWNpdGx5U2V0Ijp7IiRpZCI6IjE0O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V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IsIlJlY2VudENvbG9yc0NvbGxlY3Rpb24iOiJbXCIjRkY5NkQ2NDJcIixcIiNGRkZGQzAwMFwiXSJ9LCJTZXR0aW5ncyI6eyIkaWQiOiIxNTEyIiwiSW1wYU9wdGlvbnMiOm51bGw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UxMyIsIlVzZVRpbWUiOmZhbHNlLCJXb3JrRGF5U3RhcnQiOiIwMDowMDowMCIsIldvcmtEYXlFbmQiOiIyMzo1OTowMCJ9LCJMYXN0VXNlZFRlbXBsYXRlSWQiOiJjOGRkOTYzNy04OWNjLTRkYzktOTU0MC1lYTRjZjJjOTU2OTgiLCJGaXJzdFdlZWtPZlllYXIiOjAsIlBsYWNlTWlsZXN0b25lQXRUaGVCZWdpbm5pbmdPZlRoZURheSI6ZmFsc2UsIkRlcGVuZGVuY3lTY2hlZHVsaW5nU2V0dGluZ3MiOnsiJGlkIjoiMTUx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NDciLCJJZCI6IjVmYzRkZWU5LWU4M2EtNGRkOC04YWNlLTllMzBiODE5NDQ4ZSIsIkZyb20iOnsiJHJlZiI6IjExNiJ9LCJLaW5kIjowLCJDbnhTdGFydEtpbmQiOjAsIkNueEVuZEtpbmQiOjAsIkxhZyI6bnVsbCwiVG8iOnsiJHJlZiI6IjQ5NSJ9LCJTdHlsZSI6eyIkaWQiOiIxNTQ4IiwiTGluZVN0eWxlIjp7IiRpZCI6IjE1NDkiLCJMaW5lQ29sb3IiOnsiJHJlZiI6IjE1NDAifSwiTGluZVdlaWdodCI6MS4wLCJMaW5lVHlwZSI6MCwiUGFyZW50U3R5bGUiOm51bGx9LCJFbmRBcnJvd2hlYWRMaW5lU3R5bGUiOnsiJGlkIjoiMTU1M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NTEiLCJJZCI6IjQyMmEwNzc2LWI1NjgtNGJmZS04ZTQwLWQwNmNkYzg0MDMwZCIsIkZyb20iOnsiJHJlZiI6IjE5NyJ9LCJLaW5kIjowLCJDbnhTdGFydEtpbmQiOjAsIkNueEVuZEtpbmQiOjAsIkxhZyI6bnVsbCwiVG8iOnsiJHJlZiI6IjQ5NSJ9LCJTdHlsZSI6eyIkaWQiOiIxNTUyIiwiTGluZVN0eWxlIjp7IiRpZCI6IjE1NTMiLCJMaW5lQ29sb3IiOnsiJHJlZiI6IjE1NDAifSwiTGluZVdlaWdodCI6MS4wLCJMaW5lVHlwZSI6MCwiUGFyZW50U3R5bGUiOm51bGx9LCJFbmRBcnJvd2hlYWRMaW5lU3R5bGUiOnsiJGlkIjoiMTU1N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NTUiLCJJZCI6ImQ5MzY4ZmJjLTUzZmQtNDNmNi05ZWNjLWI0ZjVhOWJhYjlhNCIsIkZyb20iOnsiJHJlZiI6IjI0OSJ9LCJLaW5kIjowLCJDbnhTdGFydEtpbmQiOjAsIkNueEVuZEtpbmQiOjAsIkxhZyI6bnVsbCwiVG8iOnsiJHJlZiI6IjQ5NSJ9LCJTdHlsZSI6eyIkaWQiOiIxNTU2IiwiTGluZVN0eWxlIjp7IiRpZCI6IjE1NTciLCJMaW5lQ29sb3IiOnsiJHJlZiI6IjE1NDAifSwiTGluZVdlaWdodCI6MS4wLCJMaW5lVHlwZSI6MCwiUGFyZW50U3R5bGUiOm51bGx9LCJFbmRBcnJvd2hlYWRMaW5lU3R5bGUiOnsiJGlkIjoiMTU1O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NzciLCJJZCI6IjhmNDQ3MWE5LWJhNjItNGI2OS05YTE3LTY2MDJlM2RlZmZkYiIsIkZyb20iOnsiJHJlZiI6IjQ1NSJ9LCJLaW5kIjowLCJDbnhTdGFydEtpbmQiOjAsIkNueEVuZEtpbmQiOjAsIkxhZyI6bnVsbCwiVG8iOnsiJHJlZiI6IjY4OSJ9LCJTdHlsZSI6eyIkaWQiOiIxNTc4IiwiTGluZVN0eWxlIjp7IiRpZCI6IjE1NzkiLCJMaW5lQ29sb3IiOnsiJHJlZiI6IjE1NjIifSwiTGluZVdlaWdodCI6MS4wLCJMaW5lVHlwZSI6MCwiUGFyZW50U3R5bGUiOm51bGx9LCJFbmRBcnJvd2hlYWRMaW5lU3R5bGUiOnsiJGlkIjoiMTU4M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ODEiLCJJZCI6IjA4NjA4YWI0LTNjMWItNDU0My1hNDQ0LWJkMzkzMmU5NTZjYyIsIkZyb20iOnsiJHJlZiI6IjQ1NSJ9LCJLaW5kIjowLCJDbnhTdGFydEtpbmQiOjAsIkNueEVuZEtpbmQiOjAsIkxhZyI6bnVsbCwiVG8iOnsiJHJlZiI6IjcyOSJ9LCJTdHlsZSI6eyIkaWQiOiIxNTgyIiwiTGluZVN0eWxlIjp7IiRpZCI6IjE1ODMiLCJMaW5lQ29sb3IiOnsiJHJlZiI6IjE1NjIifSwiTGluZVdlaWdodCI6MS4wLCJMaW5lVHlwZSI6MCwiUGFyZW50U3R5bGUiOm51bGx9LCJFbmRBcnJvd2hlYWRMaW5lU3R5bGUiOnsiJGlkIjoiMTU4N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ODUiLCJJZCI6IjM2YzA2ZDg2LTY3NGEtNDAwMS04NThkLWY0MTEzMjMwOTNmYiIsIkZyb20iOnsiJHJlZiI6IjcyOSJ9LCJLaW5kIjowLCJDbnhTdGFydEtpbmQiOjAsIkNueEVuZEtpbmQiOjAsIkxhZyI6bnVsbCwiVG8iOnsiJHJlZiI6IjgxMyJ9LCJTdHlsZSI6eyIkaWQiOiIxNTg2IiwiTGluZVN0eWxlIjp7IiRpZCI6IjE1ODciLCJMaW5lQ29sb3IiOnsiJHJlZiI6IjE1NjIifSwiTGluZVdlaWdodCI6MS4wLCJMaW5lVHlwZSI6MCwiUGFyZW50U3R5bGUiOm51bGx9LCJFbmRBcnJvd2hlYWRMaW5lU3R5bGUiOnsiJGlkIjoiMTU4O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ODkiLCJJZCI6IjNkZTkyY2ZhLWExNGQtNDk0YS04MWUwLTRkNDAzYzk1YmRmYiIsIkZyb20iOnsiJHJlZiI6IjcyOSJ9LCJLaW5kIjowLCJDbnhTdGFydEtpbmQiOjAsIkNueEVuZEtpbmQiOjAsIkxhZyI6bnVsbCwiVG8iOnsiJHJlZiI6Ijg1MyJ9LCJTdHlsZSI6eyIkaWQiOiIxNTkwIiwiTGluZVN0eWxlIjp7IiRpZCI6IjE1OTEiLCJMaW5lQ29sb3IiOnsiJHJlZiI6IjE1NjIifSwiTGluZVdlaWdodCI6MS4wLCJMaW5lVHlwZSI6MCwiUGFyZW50U3R5bGUiOm51bGx9LCJFbmRBcnJvd2hlYWRMaW5lU3R5bGUiOnsiJGlkIjoiMTU5Mi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OTMiLCJJZCI6IjgzMzdmNzA0LWE1NjItNGVjMi04MjAxLTM4NjVkYTZjMDIzMiIsIkZyb20iOnsiJHJlZiI6IjQ5NSJ9LCJLaW5kIjowLCJDbnhTdGFydEtpbmQiOjAsIkNueEVuZEtpbmQiOjAsIkxhZyI6bnVsbCwiVG8iOnsiJHJlZiI6IjkzNSJ9LCJTdHlsZSI6eyIkaWQiOiIxNTk0IiwiTGluZVN0eWxlIjp7IiRpZCI6IjE1OTUiLCJMaW5lQ29sb3IiOnsiJHJlZiI6IjE1NjIifSwiTGluZVdlaWdodCI6MS4wLCJMaW5lVHlwZSI6MCwiUGFyZW50U3R5bGUiOm51bGx9LCJFbmRBcnJvd2hlYWRMaW5lU3R5bGUiOnsiJGlkIjoiMTU5Ni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1OTciLCJJZCI6ImVhYjZmOTJjLTMyMWItNDllNi1hYWRlLTk5MDNjMTdkYzAwOSIsIkZyb20iOnsiJHJlZiI6IjU1NiJ9LCJLaW5kIjowLCJDbnhTdGFydEtpbmQiOjAsIkNueEVuZEtpbmQiOjAsIkxhZyI6bnVsbCwiVG8iOnsiJHJlZiI6IjkzNSJ9LCJTdHlsZSI6eyIkaWQiOiIxNTk4IiwiTGluZVN0eWxlIjp7IiRpZCI6IjE1OTkiLCJMaW5lQ29sb3IiOnsiJHJlZiI6IjE1NjIifSwiTGluZVdlaWdodCI6MS4wLCJMaW5lVHlwZSI6MCwiUGFyZW50U3R5bGUiOm51bGx9LCJFbmRBcnJvd2hlYWRMaW5lU3R5bGUiOnsiJGlkIjoiMTYwM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2MDEiLCJJZCI6ImE0MmM3ODJjLTIwNjYtNDliZC1iYmMyLTUzOTdkZWFjNzljOCIsIkZyb20iOnsiJHJlZiI6IjU5NiJ9LCJLaW5kIjowLCJDbnhTdGFydEtpbmQiOjAsIkNueEVuZEtpbmQiOjAsIkxhZyI6bnVsbCwiVG8iOnsiJHJlZiI6IjkzNSJ9LCJTdHlsZSI6eyIkaWQiOiIxNjAyIiwiTGluZVN0eWxlIjp7IiRpZCI6IjE2MDMiLCJMaW5lQ29sb3IiOnsiJHJlZiI6IjE1NjIifSwiTGluZVdlaWdodCI6MS4wLCJMaW5lVHlwZSI6MCwiUGFyZW50U3R5bGUiOm51bGx9LCJFbmRBcnJvd2hlYWRMaW5lU3R5bGUiOnsiJGlkIjoiMTYwN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2MDUiLCJJZCI6Ijc5YTA2YmIwLTQxOTAtNDI5ZS1iOWQ3LWExZDUwMDdiZjY1NCIsIkZyb20iOnsiJHJlZiI6IjQ5NSJ9LCJLaW5kIjowLCJDbnhTdGFydEtpbmQiOjAsIkNueEVuZEtpbmQiOjAsIkxhZyI6bnVsbCwiVG8iOnsiJHJlZiI6Ijk3NSJ9LCJTdHlsZSI6eyIkaWQiOiIxNjA2IiwiTGluZVN0eWxlIjp7IiRpZCI6IjE2MDciLCJMaW5lQ29sb3IiOnsiJHJlZiI6IjE1NjIifSwiTGluZVdlaWdodCI6MS4wLCJMaW5lVHlwZSI6MCwiUGFyZW50U3R5bGUiOm51bGx9LCJFbmRBcnJvd2hlYWRMaW5lU3R5bGUiOnsiJGlkIjoiMTYwO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f1fe55f7-c1e3-424f-8b85-897555722af7"/>
  <p:tag name="OTLDEPDESTINATIONID" val="5f6049fe-6f7c-4984-8e2a-c8675ca6b3ba"/>
  <p:tag name="OTLDEPENDENCYLAGUNIT" val="Undefined"/>
  <p:tag name="OTLDEPENDENCYLAGVALUE" val="0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f6049fe-6f7c-4984-8e2a-c8675ca6b3ba"/>
  <p:tag name="OTLDEPDESTINATIONID" val="973637f0-e86b-4822-b003-6f5cbd2cd397"/>
  <p:tag name="OTLDEPENDENCYLAGUNIT" val="Undefined"/>
  <p:tag name="OTLDEPENDENCYLAGVALUE" val="0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f6049fe-6f7c-4984-8e2a-c8675ca6b3ba"/>
  <p:tag name="OTLDEPDESTINATIONID" val="778bb8f0-dfb4-4db4-8c6f-d54a2840800e"/>
  <p:tag name="OTLDEPENDENCYLAGUNIT" val="Undefined"/>
  <p:tag name="OTLDEPENDENCYLAGVALUE" val="0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4dec16d-aa48-4393-bfec-58f5abeae47c"/>
  <p:tag name="OTLDEPDESTINATIONID" val="140780e8-79cb-49fd-9684-21efb5e2a6bc"/>
  <p:tag name="OTLDEPENDENCYLAGUNIT" val="Undefined"/>
  <p:tag name="OTLDEPENDENCYLAGVALUE" val="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40780e8-79cb-49fd-9684-21efb5e2a6bc"/>
  <p:tag name="OTLDEPDESTINATIONID" val="ce03d953-ffe1-41db-a3c1-b18e43794a77"/>
  <p:tag name="OTLDEPENDENCYLAGUNIT" val="Undefined"/>
  <p:tag name="OTLDEPENDENCYLAGVALUE" val="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f1fe55f7-c1e3-424f-8b85-897555722af7"/>
  <p:tag name="OTLDEPDESTINATIONID" val="a22cb153-50c5-4b46-8516-d7fa744655a7"/>
  <p:tag name="OTLDEPENDENCYLAGUNIT" val="Undefined"/>
  <p:tag name="OTLDEPENDENCYLAGVALUE" val="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f6049fe-6f7c-4984-8e2a-c8675ca6b3ba"/>
  <p:tag name="OTLDEPDESTINATIONID" val="a22cb153-50c5-4b46-8516-d7fa744655a7"/>
  <p:tag name="OTLDEPENDENCYLAGUNIT" val="Undefined"/>
  <p:tag name="OTLDEPENDENCYLAGVALUE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17T00:00:00.0000000Z"/>
  <p:tag name="OTLSPACING" val="5"/>
  <p:tag name="OTLSHAPETHICKNESSTYPE" val="Thin"/>
  <p:tag name="OTLENDDATE" val="2023-02-26T23:59:00.0000000Z"/>
  <p:tag name="OTLDURATIONFORMAT" val="d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73637f0-e86b-4822-b003-6f5cbd2cd397"/>
  <p:tag name="OTLDEPDESTINATIONID" val="a7d1e65d-34f2-46e3-8db9-ae54d283ef98"/>
  <p:tag name="OTLDEPENDENCYLAGUNIT" val="Undefined"/>
  <p:tag name="OTLDEPENDENCYLAGVALUE" val="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78bb8f0-dfb4-4db4-8c6f-d54a2840800e"/>
  <p:tag name="OTLDEPDESTINATIONID" val="a7d1e65d-34f2-46e3-8db9-ae54d283ef98"/>
  <p:tag name="OTLDEPENDENCYLAGUNIT" val="Undefined"/>
  <p:tag name="OTLDEPENDENCYLAGVALUE" val="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4dec16d-aa48-4393-bfec-58f5abeae47c"/>
  <p:tag name="OTLDEPDESTINATIONID" val="a7d1e65d-34f2-46e3-8db9-ae54d283ef98"/>
  <p:tag name="OTLDEPENDENCYLAGUNIT" val="Undefined"/>
  <p:tag name="OTLDEPENDENCYLAGVALUE" val="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73637f0-e86b-4822-b003-6f5cbd2cd397"/>
  <p:tag name="OTLDEPDESTINATIONID" val="3472cede-387b-47d8-99b7-81c02bb4b105"/>
  <p:tag name="OTLDEPENDENCYLAGUNIT" val="Undefined"/>
  <p:tag name="OTLDEPENDENCYLAGVALUE" val="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78bb8f0-dfb4-4db4-8c6f-d54a2840800e"/>
  <p:tag name="OTLDEPDESTINATIONID" val="3472cede-387b-47d8-99b7-81c02bb4b105"/>
  <p:tag name="OTLDEPENDENCYLAGUNIT" val="Undefined"/>
  <p:tag name="OTLDEPENDENCYLAGVALUE" val="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4dec16d-aa48-4393-bfec-58f5abeae47c"/>
  <p:tag name="OTLDEPDESTINATIONID" val="3472cede-387b-47d8-99b7-81c02bb4b105"/>
  <p:tag name="OTLDEPENDENCYLAGUNIT" val="Undefined"/>
  <p:tag name="OTLDEPENDENCYLAGVALUE" val="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f6049fe-6f7c-4984-8e2a-c8675ca6b3ba"/>
  <p:tag name="OTLDEPDESTINATIONID" val="b5576704-f10c-4803-a1dc-efcf31367d31"/>
  <p:tag name="OTLDEPENDENCYLAGUNIT" val="Undefined"/>
  <p:tag name="OTLDEPENDENCYLAGVALUE" val="0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22cb153-50c5-4b46-8516-d7fa744655a7"/>
  <p:tag name="OTLDEPDESTINATIONID" val="83c63a68-fbf0-4d3e-a66d-191c9d73f943"/>
  <p:tag name="OTLDEPENDENCYLAGUNIT" val="Undefined"/>
  <p:tag name="OTLDEPENDENCYLAGVALUE" val="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22cb153-50c5-4b46-8516-d7fa744655a7"/>
  <p:tag name="OTLDEPDESTINATIONID" val="991f56dd-c9f5-4c4b-89aa-672d7174d8b1"/>
  <p:tag name="OTLDEPENDENCYLAGUNIT" val="Undefined"/>
  <p:tag name="OTLDEPENDENCYLAGVALUE" val="0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91f56dd-c9f5-4c4b-89aa-672d7174d8b1"/>
  <p:tag name="OTLDEPDESTINATIONID" val="d1bcd3c0-2d9c-4898-870d-7bad5b9dd752"/>
  <p:tag name="OTLDEPENDENCYLAGUNIT" val="Undefined"/>
  <p:tag name="OTLDEPENDENCYLAGVALUE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2-27T00:00:00.0000000"/>
  <p:tag name="OTLENDDATE" val="2023-03-03T23:59:00.0000000"/>
  <p:tag name="OTLDURATIONFORMAT" val="d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91f56dd-c9f5-4c4b-89aa-672d7174d8b1"/>
  <p:tag name="OTLDEPDESTINATIONID" val="5f776627-5faa-4a93-9eed-a458240ad18d"/>
  <p:tag name="OTLDEPENDENCYLAGUNIT" val="Undefined"/>
  <p:tag name="OTLDEPENDENCYLAGVALUE" val="0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7d1e65d-34f2-46e3-8db9-ae54d283ef98"/>
  <p:tag name="OTLDEPDESTINATIONID" val="8091532b-e0d2-4af2-b1cd-75e79680dc68"/>
  <p:tag name="OTLDEPENDENCYLAGUNIT" val="Undefined"/>
  <p:tag name="OTLDEPENDENCYLAGVALUE" val="0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472cede-387b-47d8-99b7-81c02bb4b105"/>
  <p:tag name="OTLDEPDESTINATIONID" val="8091532b-e0d2-4af2-b1cd-75e79680dc68"/>
  <p:tag name="OTLDEPENDENCYLAGUNIT" val="Undefined"/>
  <p:tag name="OTLDEPENDENCYLAGVALUE" val="0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5576704-f10c-4803-a1dc-efcf31367d31"/>
  <p:tag name="OTLDEPDESTINATIONID" val="8091532b-e0d2-4af2-b1cd-75e79680dc68"/>
  <p:tag name="OTLDEPENDENCYLAGUNIT" val="Undefined"/>
  <p:tag name="OTLDEPENDENCYLAGVALUE" val="0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7d1e65d-34f2-46e3-8db9-ae54d283ef98"/>
  <p:tag name="OTLDEPDESTINATIONID" val="75f2fa97-1773-4634-b398-850e38914b4f"/>
  <p:tag name="OTLDEPENDENCYLAGUNIT" val="Undefined"/>
  <p:tag name="OTLDEPENDENCYLAGVALUE" val="0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5576704-f10c-4803-a1dc-efcf31367d31"/>
  <p:tag name="OTLDEPDESTINATIONID" val="79fddb57-1d94-467e-b88a-aac5459a02c9"/>
  <p:tag name="OTLDEPENDENCYLAGUNIT" val="Undefined"/>
  <p:tag name="OTLDEPENDENCYLAGVALUE" val="0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3c63a68-fbf0-4d3e-a66d-191c9d73f943"/>
  <p:tag name="OTLDEPDESTINATIONID" val="79fddb57-1d94-467e-b88a-aac5459a02c9"/>
  <p:tag name="OTLDEPENDENCYLAGUNIT" val="Undefined"/>
  <p:tag name="OTLDEPENDENCYLAGVALUE" val="0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91f56dd-c9f5-4c4b-89aa-672d7174d8b1"/>
  <p:tag name="OTLDEPDESTINATIONID" val="79fddb57-1d94-467e-b88a-aac5459a02c9"/>
  <p:tag name="OTLDEPENDENCYLAGUNIT" val="Undefined"/>
  <p:tag name="OTLDEPENDENCYLAGVALUE" val="0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472cede-387b-47d8-99b7-81c02bb4b105"/>
  <p:tag name="OTLDEPDESTINATIONID" val="30988dbd-c08e-4fe1-8f1f-ea3c5dc511bb"/>
  <p:tag name="OTLDEPENDENCYLAGUNIT" val="Undefined"/>
  <p:tag name="OTLDEPENDENCYLAGVALUE" val="0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40b350d-7d38-47d1-a7e7-5e999edaf107"/>
  <p:tag name="OTLDEPDESTINATIONID" val="f2ee045b-63c9-4057-bf35-bae6f2e88107"/>
  <p:tag name="OTLDEPENDENCYLAGUNIT" val="Undefined"/>
  <p:tag name="OTLDEPENDENCYLAGVALUE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3-04T00:00:00.0000000"/>
  <p:tag name="OTLENDDATE" val="2023-04-17T23:59:00.0000000"/>
  <p:tag name="OTLDURATIONFORMAT" val="d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0988dbd-c08e-4fe1-8f1f-ea3c5dc511bb"/>
  <p:tag name="OTLDEPDESTINATIONID" val="c88f0001-59ae-4ef0-b51d-43f1da61fbf7"/>
  <p:tag name="OTLDEPENDENCYLAGUNIT" val="Undefined"/>
  <p:tag name="OTLDEPENDENCYLAGVALUE" val="0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Side"/>
  <p:tag name="OTLDEPSOURCEID" val="369f0cc8-bbe6-4b79-8b48-cadbc717ba2f"/>
  <p:tag name="OTLDEPDESTINATIONID" val="c88f0001-59ae-4ef0-b51d-43f1da61fbf7"/>
  <p:tag name="OTLDEPENDENCYLAGUNIT" val="Undefined"/>
  <p:tag name="OTLDEPENDENCYLAGVALUE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3-04T00:00:00.0000000"/>
  <p:tag name="OTLENDDATE" val="2023-03-14T23:59:00.0000000"/>
  <p:tag name="OTLDURATIONFORMAT" val="d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2-17T00:00:00.0000000"/>
  <p:tag name="OTLENDDATE" val="2023-03-02T23:59:00.0000000"/>
  <p:tag name="OTLDURATIONFORMAT" val="d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3-03T00:00:00.0000000"/>
  <p:tag name="OTLENDDATE" val="2023-03-16T23:59:00.0000000"/>
  <p:tag name="OTLDURATIONFORMAT" val="d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3-17T00:00:00.0000000"/>
  <p:tag name="OTLENDDATE" val="2023-04-04T23:59:00.0000000"/>
  <p:tag name="OTLDURATIONFORMAT" val="d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3-04T00:00:00.0000000"/>
  <p:tag name="OTLENDDATE" val="2023-03-13T23:59:00.0000000"/>
  <p:tag name="OTLDURATIONFORMAT" val="d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DURATIONFORMAT" val="d"/>
  <p:tag name="OTLSTARTDATE" val="2023-04-18T00:00:00.0000000Z"/>
  <p:tag name="OTLENDDATE" val="2023-04-20T23:59:00.0000000Z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DURATIONFORMAT" val="d"/>
  <p:tag name="OTLSTARTDATE" val="2023-04-18T00:00:00.0000000"/>
  <p:tag name="OTLENDDATE" val="2023-04-26T23:59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3-04T00:00:00.0000000"/>
  <p:tag name="OTLENDDATE" val="2023-03-12T23:59:00.0000000"/>
  <p:tag name="OTLDURATIONFORMAT" val="d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3-17T00:00:00.0000000"/>
  <p:tag name="OTLENDDATE" val="2023-03-19T23:59:00.0000000"/>
  <p:tag name="OTLDURATIONFORMAT" val="d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3-17T00:00:00.0000000"/>
  <p:tag name="OTLENDDATE" val="2023-03-22T23:59:00.0000000"/>
  <p:tag name="OTLDURATIONFORMAT" val="d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DURATIONFORMAT" val="d"/>
  <p:tag name="OTLSTARTDATE" val="2023-03-23T00:00:00.0000000Z"/>
  <p:tag name="OTLENDDATE" val="2023-03-31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3-03-23T00:00:00.0000000"/>
  <p:tag name="OTLENDDATE" val="2023-03-25T23:59:00.0000000"/>
  <p:tag name="OTLDURATIONFORMAT" val="d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DURATIONFORMAT" val="d"/>
  <p:tag name="OTLSTARTDATE" val="2023-04-27T00:00:00.0000000Z"/>
  <p:tag name="OTLENDDATE" val="2023-04-28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DURATIONFORMAT" val="d"/>
  <p:tag name="OTLSTARTDATE" val="2023-04-21T00:00:00.0000000Z"/>
  <p:tag name="OTLENDDATE" val="2023-04-24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DURATIONFORMAT" val="d"/>
  <p:tag name="OTLSTARTDATE" val="2023-03-24T00:00:00.0000000"/>
  <p:tag name="OTLENDDATE" val="2023-03-30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DURATIONFORMAT" val="d"/>
  <p:tag name="OTLSTARTDATE" val="2023-04-28T00:00:00.0000000Z"/>
  <p:tag name="OTLENDDATE" val="2023-05-17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DURATIONFORMAT" val="d"/>
  <p:tag name="OTLSTARTDATE" val="2023-04-28T00:00:00.0000000"/>
  <p:tag name="OTLENDDATE" val="2023-05-08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00:00:00.0000000"/>
  <p:tag name="OTLENDDATE" val="2023-05-08T23:59:00.0000000"/>
  <p:tag name="OTLDURATIONFORMAT" val="d"/>
  <p:tag name="OTLSPACING" val="3"/>
  <p:tag name="OTLSHAPETHI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6T00:00:00.0000000"/>
  <p:tag name="OTLENDDATE" val="2023-04-27T23:59:00.0000000"/>
  <p:tag name="OTLDURATIONFORMAT" val="d"/>
  <p:tag name="OTLSPACING" val="3"/>
  <p:tag name="OTLSHAPETHICKNESSTYPE" val="Thi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8T00:00:00.0000000"/>
  <p:tag name="OTLDURATIONFORMAT" val="d"/>
  <p:tag name="OTLSPACING" val="3"/>
  <p:tag name="OTLSHAPETHICKNESSTYPE" val="Thin"/>
  <p:tag name="OTLENDDATE" val="2023-05-17T23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Performance"/>
  <p:tag name="OTLPOSITIONONTASK" val="None"/>
  <p:tag name="OTLRELATEDTASKID" val="00000000-0000-0000-0000-000000000000"/>
  <p:tag name="OTLDATE" val="2023-05-18T00:00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search - event"/>
  <p:tag name="OTLPOSITIONONTASK" val="None"/>
  <p:tag name="OTLRELATEDTASKID" val="00000000-0000-0000-0000-000000000000"/>
  <p:tag name="OTLDATE" val="2023-02-17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2-17T23:59:00.0000000"/>
  <p:tag name="OTLPOSITIONONTASK" val="None"/>
  <p:tag name="OTLRELATEDTASKID" val="00000000-0000-0000-0000-000000000000"/>
  <p:tag name="OTLMTITLE" val="Budget - event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2-17T23:59:00.0000000"/>
  <p:tag name="OTLPOSITIONONTASK" val="None"/>
  <p:tag name="OTLRELATEDTASKID" val="00000000-0000-0000-0000-000000000000"/>
  <p:tag name="OTLMTITLE" val="Perfomance - event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WORKINGDAYS" val="All"/>
  <p:tag name="OTLTIMEBANDDEPENABLED" val="True"/>
  <p:tag name="OTLLEFTENDCAPSMARGINLEFT" val="68.9849816619364"/>
  <p:tag name="OTLTIMEBANDENDDATE" val="2023-05-19T23:59:00.000000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WORKINGDAYS" val="All"/>
  <p:tag name="OTLTIMEBANDDEPENABLED" val="True"/>
  <p:tag name="OTLLEFTENDCAPSMARGINLEFT" val="68.9849816619364"/>
  <p:tag name="OTLTIMEBANDENDDATE" val="2023-05-19T23:59:00.000000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1</Words>
  <Application>Microsoft Office PowerPoint</Application>
  <PresentationFormat>Widescreen</PresentationFormat>
  <Paragraphs>8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1-09T09:46:32Z</dcterms:created>
  <dcterms:modified xsi:type="dcterms:W3CDTF">2023-01-09T09:46:41Z</dcterms:modified>
</cp:coreProperties>
</file>